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10-101-2023 Multifunkčný koagulačný prístroj\03. Príprava\06. PTK\01. Odoslané\"/>
    </mc:Choice>
  </mc:AlternateContent>
  <bookViews>
    <workbookView xWindow="0" yWindow="0" windowWidth="23040" windowHeight="9195"/>
  </bookViews>
  <sheets>
    <sheet name="PTK - Ponuka" sheetId="8" r:id="rId1"/>
  </sheets>
  <definedNames>
    <definedName name="_xlnm.Print_Area" localSheetId="0">'PTK - Ponuka'!$A$1:$F$22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70" uniqueCount="325">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38434520-7 Analyzátory krvi</t>
  </si>
  <si>
    <t>1.1</t>
  </si>
  <si>
    <t>Poznámka:</t>
  </si>
  <si>
    <t>- povinné údaje vyplní uchádzač</t>
  </si>
  <si>
    <t>5.</t>
  </si>
  <si>
    <t>6.</t>
  </si>
  <si>
    <t>7.</t>
  </si>
  <si>
    <t>8.</t>
  </si>
  <si>
    <t>9.</t>
  </si>
  <si>
    <t>10.</t>
  </si>
  <si>
    <t>11.</t>
  </si>
  <si>
    <t>12.</t>
  </si>
  <si>
    <t>13.</t>
  </si>
  <si>
    <t>14.</t>
  </si>
  <si>
    <t>15.</t>
  </si>
  <si>
    <t>16.</t>
  </si>
  <si>
    <t>17.</t>
  </si>
  <si>
    <t>18.</t>
  </si>
  <si>
    <t>19.</t>
  </si>
  <si>
    <t>20.</t>
  </si>
  <si>
    <t>21.</t>
  </si>
  <si>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50421000-2 Opravy a údržba lekárskych zariadení</t>
  </si>
  <si>
    <t>Položka č. 2</t>
  </si>
  <si>
    <t>Pozáručný servis pre položku č. 1 (bez náhradných dielov)</t>
  </si>
  <si>
    <t>mesiac</t>
  </si>
  <si>
    <t>Položka č. 2 - Pozáručný servis pre položku č. 1 (bez náhradných dielov)</t>
  </si>
  <si>
    <t>Servisná starostlivosť o zariadenie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Odstránenie poruchy do 72 hodín, v prípade nedostupnosti náhradného dielu, po dohode s objednávateľom.</t>
  </si>
  <si>
    <t>Vykonávanie opráv v čase od 7:00 do 15:00</t>
  </si>
  <si>
    <t>Používanie len originálnych náhradných dielov</t>
  </si>
  <si>
    <t>Osvedčenie, certifikát alebo iný doklad, ktorým uchádzač preukáže, že servisný technik má oprávnenie vykonávať servis na prístrojoch predmetu zákazky vydané výrobcom prístroja.</t>
  </si>
  <si>
    <t>Poistenie prevádzkovej zodpovednosti vo výške ročnej ceny za služby</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Multifunkčný koagulačný prístroj</t>
  </si>
  <si>
    <t>33190000-8  Rôzne lekárske zariadenia a výrobky</t>
  </si>
  <si>
    <t>Položka č. 1 - Multifunkčný koagulačný prístroj</t>
  </si>
  <si>
    <t>Autobipolárny režim s možnosťou odloženého štartu bipolárnej koagulácie</t>
  </si>
  <si>
    <t>Funkcia automatického režimu bipolárnej koagulácie zisťuje odpor tkaniva medzi dvomi bipolárnymi elektródami, následne údaj o odpore tkaniva použije na automatické spustenie alebo zastavenie prívodu vysokofrekvenčnej energie. Používateľ si môže nepovinne vybrať časové odloženie aktivácie automatického spustenia aktivácie vysokofrekvenčnej energie v rozsahu: 0 - 2,5 s</t>
  </si>
  <si>
    <t>Prístroj s použitím pokročilej bipolárnej koagulácie so spätnou odozvou dostatočnej koagulácie (tzv. funkcia AUTOSTOP, zvukový signál, t.j. vyhodnotenie požadovaného stavu generátorom).</t>
  </si>
  <si>
    <t>2.1</t>
  </si>
  <si>
    <t>Pokročilá bipolárna koagulácia - bezpečné zatavenie ciev  - 350W/244V. 
Mód pre riadenú pokročilú bipolárnu koaguláciu, ktorá je schopná spoľahlivo a trvale uzavrieť cievy do priemeru 7 mm vrátane a odolať minimálne trojnásobku normálneho systolického tlaku.</t>
  </si>
  <si>
    <t>Prístroj s bipolárnou resekciou v 0,9 % roztoku NaCl ako výplachové médium pri použití resekčných elektród vyžadujúcich vysoký výstup bipolárnej energie na dosiahnutie efektívnej resekcie a hemostázy.</t>
  </si>
  <si>
    <t>3.1</t>
  </si>
  <si>
    <t>Bipolárna resekcia</t>
  </si>
  <si>
    <t>3.1.1</t>
  </si>
  <si>
    <t>CUT/rez/ 300W/849V</t>
  </si>
  <si>
    <t>3.1.2</t>
  </si>
  <si>
    <t>COAG/koagulácia/175W/318V</t>
  </si>
  <si>
    <t>Prístroj s kardiochirurgickým ablačným systémom. Chirurgický ablačný systém je určený na dodávku vysokofrekvenčnej (RF) energie do vybraných miest pomocou chirurgického ablačného zariadenia. Systém umožňuje presnú dodávku energie v rámci monopolárneho a bipolárneho režimu.</t>
  </si>
  <si>
    <t>4.1</t>
  </si>
  <si>
    <t>kardiochirurgický ablačný systém</t>
  </si>
  <si>
    <t>4.1.1</t>
  </si>
  <si>
    <t>monopolárny režim/100W/382V</t>
  </si>
  <si>
    <t>4.1.2</t>
  </si>
  <si>
    <t>bipolárny režim/100W/382</t>
  </si>
  <si>
    <t>Prístroj so zdieľanou koaguláciou. Režim umožňuje zdieľať výkon režimov monopolárnej koagulácie medzi dva súčasne aktivované monopolárne nástroje.</t>
  </si>
  <si>
    <t>5.1</t>
  </si>
  <si>
    <t>Monopolárna zdieľaná koagulácia</t>
  </si>
  <si>
    <t>5.1.1</t>
  </si>
  <si>
    <t>zdieľaná koagulácia hĺbková/120W/3448V</t>
  </si>
  <si>
    <t>5.1.2</t>
  </si>
  <si>
    <t>zdieľaná koagulácia plošná/120W/3448V</t>
  </si>
  <si>
    <t>Ovládanie ručným aj nožným spínačom pri monopolárnej, bipolárnej, pokročilej bipolárnej koagulácii a pri bipolárnej resekcii.</t>
  </si>
  <si>
    <t>6.1</t>
  </si>
  <si>
    <t>Možnosť ovládánia monopolárnych, bipolárnych a pokročilých bipolárnych koagulačných nástrojov nožným aj ručným spínačom. Možnosť ovládánia nástrojov na  bipolárnu resekciu nožným spínačom.</t>
  </si>
  <si>
    <t>Možnosť súčasného zapojenia 4-roch nožných spínačov</t>
  </si>
  <si>
    <t>7.1</t>
  </si>
  <si>
    <t>2x nožný spínač na monopolárnu koaguláciu</t>
  </si>
  <si>
    <t>7.2</t>
  </si>
  <si>
    <t>1x nožný spínač na  bipolárnu koaguláciu</t>
  </si>
  <si>
    <t>7.3</t>
  </si>
  <si>
    <t>1x nožný spínač na pokročilú bipolárnu koaguláciu / nožný spínač na bipolárnu resekciu</t>
  </si>
  <si>
    <t>Vstup pre monopolárny inštrument</t>
  </si>
  <si>
    <t>8.1</t>
  </si>
  <si>
    <t>Dostupnosť</t>
  </si>
  <si>
    <t>8.1.1</t>
  </si>
  <si>
    <t>2 x vstup pre koagulačné perá</t>
  </si>
  <si>
    <t>8.1.2</t>
  </si>
  <si>
    <t>1x vstup pre monopolárny inštrument aktivovaný nožným spínačom</t>
  </si>
  <si>
    <t>Vstup pre bipolárny inštrument</t>
  </si>
  <si>
    <t>9.1</t>
  </si>
  <si>
    <t>9.1.1</t>
  </si>
  <si>
    <t>2 x vstup pre inštrument bipolárnej koagulácie</t>
  </si>
  <si>
    <t>9.1.2</t>
  </si>
  <si>
    <t>1 x vstup pre inštrument pokročilej bipolárnej koagulácie/ bipolárnej resekcie</t>
  </si>
  <si>
    <t>Ovládanie pomocou dotykovej obrazovky</t>
  </si>
  <si>
    <t>10.1</t>
  </si>
  <si>
    <t>ovládanie cez 7 palcový dotykový LCD displej</t>
  </si>
  <si>
    <t>Indikácia prietoku prúdu prostredníctvom displeja alebo pomocou svetelného indikátora</t>
  </si>
  <si>
    <t>11.1</t>
  </si>
  <si>
    <t>Digitálne a prehľadné zobrazenie hodnôt výkonu vo Wattoch a užívateľských nastavení s audio-vizuálnou indikáciou.</t>
  </si>
  <si>
    <t>Vstup pre koagulačné pero</t>
  </si>
  <si>
    <t>12.1</t>
  </si>
  <si>
    <t>dostupnosť 2 monopolárnych vstupov pre koagulačné perá a laparoskopické inštrumenty s konektorom do priemeru: 4 - 8 mm</t>
  </si>
  <si>
    <t>Rozhranie pre možnosť pripojenia odsávačky elektrochirurgického dymu</t>
  </si>
  <si>
    <t>13.1</t>
  </si>
  <si>
    <t>možnosť pripojenia kompatibilnej odsávačky chirurgického dymu s možnosťou aktivácie odsávania nožným spínačom alebo cez aktívny monopolárny inštrument</t>
  </si>
  <si>
    <t>Rozhranie pre možnosť pripojenia na jednotku argónovej koagulácie</t>
  </si>
  <si>
    <t>14.1</t>
  </si>
  <si>
    <t>možnosť pripojenia kompatibilnej argónovej koagulácie s možnosťou aktivácie  nožným spínačom alebo cez aktívny argónový  inštrument</t>
  </si>
  <si>
    <t>Možnosť vytvorenia prednastavených skupín s preferenčnými hodnotami</t>
  </si>
  <si>
    <t>15.1</t>
  </si>
  <si>
    <t>Možnosť individuálneho vytvorenia a uloženia 10-tich prednastavených skupín, v každej skupine so šiestimi predvolenými hodnotami monopolárnych a bipolárnych režimom podľa preferencií používateľa. Spolu možnosť nastavenia 60 predvolených režimov.</t>
  </si>
  <si>
    <t>Monitorovací systém kvality pripevnenia neutrálnej (pacientskej) elektródy na pacientovi</t>
  </si>
  <si>
    <t>16.1</t>
  </si>
  <si>
    <t>Audio-vizuálna signalizácia nesprávne pripevnenej alebo nesprávne fungujúcej neutrálnej elektródy. Možnosť pripojenia 2 neutrálnych (pacientskych) elektród.</t>
  </si>
  <si>
    <t>Automatické nastavenie generátora prostredníctvom RFID čipu</t>
  </si>
  <si>
    <t>17.1</t>
  </si>
  <si>
    <t>Nastavenie generátora prostredníctvom RFID čipu integrovaného v konektore nástroja prípadne v kompatibilnom prepájacom kábli.</t>
  </si>
  <si>
    <t>Možnosť použitia multifunkčného laparoskopického nástroja s integrovaným nožom a vysúvateľným monopolárnym háčikom</t>
  </si>
  <si>
    <t>18.1</t>
  </si>
  <si>
    <t>Možnosť použitia laparoskopického nástroja s integrovaným nožom a vysúvateľným monopolárnym háčikom, ktorý je kombináciou riadenej bipolárnej koagulácie a monopolárneho nástroja (tzn. možnosť použitia jedného nástroja k monopolárnej chirurgii aj riadenej bipolárnej koagulácii).</t>
  </si>
  <si>
    <t>Možnosť upgradu softvéru prístroja cez internet</t>
  </si>
  <si>
    <t>19.1</t>
  </si>
  <si>
    <t>interná pamäť 8GB</t>
  </si>
  <si>
    <t>19.2</t>
  </si>
  <si>
    <t>WiFi modul pre servisné zásahy</t>
  </si>
  <si>
    <t>19.3</t>
  </si>
  <si>
    <t>zabezpečenie WPA2</t>
  </si>
  <si>
    <t>19.4</t>
  </si>
  <si>
    <t>operačný systém Linux</t>
  </si>
  <si>
    <t>19.5</t>
  </si>
  <si>
    <t>ethernet pripojenie</t>
  </si>
  <si>
    <t>Ovládanie generátora v slovenskom jazyku</t>
  </si>
  <si>
    <t>20.1</t>
  </si>
  <si>
    <t>Možnosť vybratia slovenského jazyka z ponuky v menu</t>
  </si>
  <si>
    <t>Povinné príslušenstvo</t>
  </si>
  <si>
    <t>21.1</t>
  </si>
  <si>
    <t>Dvojšlapadlový nožný spínač v počte min. 1 ks</t>
  </si>
  <si>
    <t>21.2</t>
  </si>
  <si>
    <t>Jednošlapadlový nožný spínač v počte min. 1 ks</t>
  </si>
  <si>
    <t>21.2.1</t>
  </si>
  <si>
    <t>bipolárny nožný spínač/E6009B</t>
  </si>
  <si>
    <t>Potvrdenie o autorizovanom servise vydané výrobcom ponúkaných produktov,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servisnej organizácie.</t>
  </si>
  <si>
    <t>Príloha č. 2</t>
  </si>
  <si>
    <t>Prospektový materiál</t>
  </si>
  <si>
    <r>
      <t xml:space="preserve">Výstupný dokument posudzovania zhody </t>
    </r>
    <r>
      <rPr>
        <sz val="10"/>
        <color theme="1"/>
        <rFont val="Arial"/>
        <family val="2"/>
        <charset val="238"/>
      </rPr>
      <t>(EÚ vyhlásenie o zhode, označenie CE, značka zhody, certifikát, rozhodnutie, protokol, správa, stanovisko, záznam alebo iný dokument vydaný autorizovanou osobou alebo notifikovanou osobou, ktorý osvedčuje splnenie základných požiadaviek určeného výrobku postupom posudzovania zhody) podľa zák. č. 58/2018 Z.z. o posudzovaní zhody výrobku, sprístupňovaní určeného výrobku na trhu a o zmene a doplnení niektorých zákonov (ďalej len "zákon o zhode") v prípade, ak tak ustanovuje technický predpis z oblasti posudzovania zhody v zmysle zákona o zhode.
Uchádzač predloženým dokumentom preukáže, že všetky ponúkané produkty spĺňajú požiadavky, ktoré sa na nich vzťahujú podľa zákona o zhode a technického predpisu z oblasti posudzovania zhody, že boli dodržané postupy posudzovania zhody ustanovené zákonom o zhode alebo iným osobitným predpisom, a že určené výrobky sú správne označené.</t>
    </r>
  </si>
  <si>
    <t>2.1.</t>
  </si>
  <si>
    <t>2.2.</t>
  </si>
  <si>
    <t>2.3.</t>
  </si>
  <si>
    <t>2.4.</t>
  </si>
  <si>
    <t>2.5.</t>
  </si>
  <si>
    <t>2.6.</t>
  </si>
  <si>
    <t>8.1.</t>
  </si>
  <si>
    <t>8.2.</t>
  </si>
  <si>
    <t>8.3.</t>
  </si>
  <si>
    <t>8.4.</t>
  </si>
  <si>
    <t>8.5.</t>
  </si>
  <si>
    <t>8.6.</t>
  </si>
  <si>
    <t>8.7.</t>
  </si>
  <si>
    <t>8.8.</t>
  </si>
  <si>
    <t>8.9.</t>
  </si>
  <si>
    <t>8.10.</t>
  </si>
  <si>
    <t>9.1.</t>
  </si>
  <si>
    <t>10.1.</t>
  </si>
  <si>
    <t>10.2.</t>
  </si>
  <si>
    <t>11.1.</t>
  </si>
  <si>
    <t>11.2.</t>
  </si>
  <si>
    <t>18.1.</t>
  </si>
  <si>
    <t>18.2.</t>
  </si>
  <si>
    <t>22.</t>
  </si>
  <si>
    <t>23.</t>
  </si>
  <si>
    <t>24.</t>
  </si>
  <si>
    <t>25.</t>
  </si>
  <si>
    <t>26.</t>
  </si>
  <si>
    <t>27.</t>
  </si>
  <si>
    <t>28.</t>
  </si>
  <si>
    <t>29.</t>
  </si>
  <si>
    <t>30.</t>
  </si>
  <si>
    <t>31.</t>
  </si>
  <si>
    <t>32.</t>
  </si>
  <si>
    <t>33.</t>
  </si>
  <si>
    <t>34.</t>
  </si>
  <si>
    <t>35.</t>
  </si>
  <si>
    <t>36.</t>
  </si>
  <si>
    <t>37.</t>
  </si>
  <si>
    <t>38.</t>
  </si>
  <si>
    <t>39.</t>
  </si>
  <si>
    <t>40.</t>
  </si>
  <si>
    <t>41.</t>
  </si>
  <si>
    <t>42.</t>
  </si>
  <si>
    <t>43.</t>
  </si>
  <si>
    <t>44.</t>
  </si>
  <si>
    <t>45.</t>
  </si>
  <si>
    <t>Požaduje sa uzatvorenie kúpnej zmluvy s pozáručným servisom.</t>
  </si>
  <si>
    <t>v pracovných dňoch,</t>
  </si>
  <si>
    <t>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j. krajina kde bol tovar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obe zmluvné strany, t. 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5:00 hod, ak sa Objednávateľ a Dodávateľ nedohodnú inak.</t>
  </si>
  <si>
    <t>Požaduje sa, aby v prípade vykonania opravy, na ktorú Objednávateľ Dodávateľa vopred upozorní, bola oprava vykonaná nasledovne:</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Požaduje sa v prípade náhradných dielov v každom osobitnom prípade súhlas Objednávateľa s kúpu a montážou náhradného dielu a odsúhlasenie jeho ceny. Požaduje sa výlučne používanie originálnych náhradných dielov.</t>
  </si>
  <si>
    <t xml:space="preserve">V prípade, ak Objednávateľ na základe prieskumu trhu zistí, že: </t>
  </si>
  <si>
    <t xml:space="preserve">cenová ponuka iného dodávateľa je nižšia ako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 j. v čase lehoty na predkladanie ponúk) obvyklou trhovou cenou predmetu zákazky.</t>
  </si>
  <si>
    <t>Požaduje sa možnosť uplatnenia si náhrady škody u Dodávateľa vo výške vzniknutého finančného rozdielu výslednej ceny predmetu zákazky a obvyklej trhovej ceny predmetu zákazky.</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V prípade, ak sa na predmet zákazky vykonala prípravná trhová konzultácia, informácie k prípravnej trhovej konzultácie verejný obstarávateľ zverejňuje na internetovej stránke: www.vusch.sk/verejne-obstaravanie/</t>
  </si>
  <si>
    <t>28.1</t>
  </si>
  <si>
    <t>28.2</t>
  </si>
  <si>
    <t xml:space="preserve">do 60 kalendárnych dní odo dňa doručenia objednávky vystavenej Objednávateľom (do lehoty sa nezapočítavajú dni pracovného voľna, pracovného pokoja a štátne sviatky), </t>
  </si>
  <si>
    <t>Požaduje sa dodanie prístroja:</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Požaduje sa poskytovanie pozáručného servisu pre položku č. 1 po dobu 5 rokov (60 kalendárnych mesiacov), pričom za začiatok tohto poskytovania sa považuje deň nasledujúci po poslednom dni záručnej doby.</t>
  </si>
  <si>
    <t>Dodávateľ je povinný k faktúre za dodanie prístroja priložiť kópiu preberacieho protokolu ako jej povinnú prílohu, okrem prípadov, kedy je faktúra doručená zároveň s preberacím protokolom. Povinnou súčasťou faktúry za služby, ktoré sú predmetom položky č. 2 je zmluvnými stranami potvrdený rozsah poskytnutej služby s uvedením dátumu jej poskytnutia v príslušnom kalendárnom mesiaci.</t>
  </si>
  <si>
    <t>Pozáručný servis (služby, ktoré sú predmetom položky č. 2) bude hradený formou mesačných paušálnych odmien uvedených v Prílohe č. 1 - Kalkulácia ceny.</t>
  </si>
  <si>
    <t xml:space="preserve">V prípade, ak sa po uzatvorení zmluvy preukáže, že na relevantnom trhu existuje cena (ďalej tiež ako "nižšia cena") za rovnaké alebo porovnateľné plnenie pre položku č. 2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medium">
        <color indexed="64"/>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style="medium">
        <color auto="1"/>
      </top>
      <bottom style="thin">
        <color indexed="64"/>
      </bottom>
      <diagonal/>
    </border>
    <border>
      <left/>
      <right/>
      <top style="medium">
        <color auto="1"/>
      </top>
      <bottom style="thin">
        <color indexed="64"/>
      </bottom>
      <diagonal/>
    </border>
    <border>
      <left/>
      <right style="medium">
        <color auto="1"/>
      </right>
      <top style="medium">
        <color auto="1"/>
      </top>
      <bottom style="thin">
        <color indexed="64"/>
      </bottom>
      <diagonal/>
    </border>
    <border>
      <left style="medium">
        <color auto="1"/>
      </left>
      <right style="thin">
        <color auto="1"/>
      </right>
      <top style="thin">
        <color auto="1"/>
      </top>
      <bottom/>
      <diagonal/>
    </border>
    <border>
      <left style="thin">
        <color indexed="64"/>
      </left>
      <right style="medium">
        <color auto="1"/>
      </right>
      <top style="thin">
        <color indexed="64"/>
      </top>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bottom style="thin">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thin">
        <color auto="1"/>
      </left>
      <right/>
      <top style="dotted">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93">
    <xf numFmtId="0" fontId="0" fillId="0" borderId="0" xfId="0"/>
    <xf numFmtId="0" fontId="7" fillId="0" borderId="0" xfId="5" applyFont="1" applyAlignment="1" applyProtection="1">
      <alignment wrapText="1"/>
      <protection locked="0"/>
    </xf>
    <xf numFmtId="0" fontId="7" fillId="0" borderId="0" xfId="5" applyFont="1" applyAlignment="1" applyProtection="1">
      <alignment horizontal="center" vertical="top"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32"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14" fillId="0" borderId="0" xfId="0" applyFont="1" applyAlignment="1" applyProtection="1">
      <alignment horizontal="left"/>
      <protection locked="0"/>
    </xf>
    <xf numFmtId="0" fontId="3" fillId="0" borderId="0" xfId="0" applyFont="1" applyAlignment="1" applyProtection="1">
      <alignment horizontal="center" vertical="center"/>
      <protection locked="0"/>
    </xf>
    <xf numFmtId="0" fontId="2" fillId="0" borderId="0" xfId="0" applyFont="1" applyAlignment="1" applyProtection="1">
      <alignment wrapText="1"/>
      <protection locked="0"/>
    </xf>
    <xf numFmtId="0" fontId="2" fillId="0" borderId="0" xfId="0" applyFont="1" applyFill="1" applyAlignment="1" applyProtection="1">
      <alignment horizontal="center" vertical="center" wrapText="1"/>
      <protection locked="0"/>
    </xf>
    <xf numFmtId="0" fontId="2" fillId="0" borderId="0" xfId="0" applyFont="1" applyFill="1" applyAlignment="1" applyProtection="1">
      <alignment wrapText="1"/>
      <protection locked="0"/>
    </xf>
    <xf numFmtId="0" fontId="2" fillId="0" borderId="0" xfId="0" applyFont="1" applyFill="1" applyAlignment="1" applyProtection="1">
      <alignment horizontal="center" vertical="top"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7" fillId="2" borderId="10" xfId="0" applyNumberFormat="1"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0" fontId="2" fillId="0" borderId="0" xfId="0" applyFont="1" applyAlignment="1" applyProtection="1">
      <alignment vertical="center"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0" fontId="4" fillId="0" borderId="0" xfId="0" applyNumberFormat="1" applyFont="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0" fontId="4" fillId="6" borderId="0" xfId="0"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4" fillId="0" borderId="0" xfId="0" applyFont="1" applyAlignment="1" applyProtection="1">
      <alignment horizontal="left" vertical="top"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left"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49"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6" borderId="10" xfId="0" applyFont="1" applyFill="1" applyBorder="1" applyAlignment="1" applyProtection="1">
      <alignment vertical="center" wrapText="1"/>
      <protection locked="0"/>
    </xf>
    <xf numFmtId="0" fontId="4" fillId="6" borderId="5" xfId="0" applyFont="1" applyFill="1" applyBorder="1" applyAlignment="1" applyProtection="1">
      <alignment horizontal="left" vertical="center" wrapText="1"/>
      <protection locked="0"/>
    </xf>
    <xf numFmtId="0" fontId="4" fillId="6" borderId="6" xfId="0" applyFont="1" applyFill="1" applyBorder="1" applyAlignment="1" applyProtection="1">
      <alignment horizontal="left" vertical="center" wrapText="1"/>
      <protection locked="0"/>
    </xf>
    <xf numFmtId="0" fontId="2" fillId="6" borderId="10" xfId="0" applyFont="1" applyFill="1" applyBorder="1" applyAlignment="1" applyProtection="1">
      <alignment horizontal="center" vertical="center" wrapText="1"/>
      <protection locked="0"/>
    </xf>
    <xf numFmtId="0" fontId="13" fillId="6"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0" fontId="9" fillId="0" borderId="0" xfId="0" applyFont="1" applyAlignment="1" applyProtection="1">
      <alignment horizontal="center" vertical="center"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49" fontId="4" fillId="2" borderId="15" xfId="0" applyNumberFormat="1" applyFont="1" applyFill="1" applyBorder="1" applyAlignment="1" applyProtection="1">
      <alignment horizontal="center" vertical="center" wrapText="1"/>
      <protection locked="0"/>
    </xf>
    <xf numFmtId="49" fontId="4" fillId="2" borderId="16" xfId="0" applyNumberFormat="1" applyFont="1" applyFill="1" applyBorder="1" applyAlignment="1" applyProtection="1">
      <alignment horizontal="center" vertical="center" wrapText="1"/>
      <protection locked="0"/>
    </xf>
    <xf numFmtId="49" fontId="4" fillId="2" borderId="17" xfId="0" applyNumberFormat="1" applyFont="1" applyFill="1" applyBorder="1" applyAlignment="1" applyProtection="1">
      <alignment horizontal="center" vertical="center" wrapText="1"/>
      <protection locked="0"/>
    </xf>
    <xf numFmtId="49" fontId="5" fillId="5" borderId="22" xfId="0" applyNumberFormat="1" applyFont="1" applyFill="1" applyBorder="1" applyAlignment="1" applyProtection="1">
      <alignment horizontal="left" vertical="center" wrapText="1"/>
      <protection locked="0"/>
    </xf>
    <xf numFmtId="49" fontId="5" fillId="5" borderId="23" xfId="0" applyNumberFormat="1" applyFont="1" applyFill="1" applyBorder="1" applyAlignment="1" applyProtection="1">
      <alignment horizontal="left" vertical="center" wrapText="1"/>
      <protection locked="0"/>
    </xf>
    <xf numFmtId="49" fontId="5" fillId="5" borderId="24" xfId="0" applyNumberFormat="1" applyFont="1" applyFill="1" applyBorder="1" applyAlignment="1" applyProtection="1">
      <alignment horizontal="left"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0" fontId="2" fillId="0" borderId="0" xfId="0" applyFont="1" applyAlignment="1" applyProtection="1">
      <alignment vertical="center"/>
      <protection locked="0"/>
    </xf>
    <xf numFmtId="0" fontId="2" fillId="0" borderId="30" xfId="0" applyNumberFormat="1" applyFont="1" applyBorder="1" applyAlignment="1" applyProtection="1">
      <alignment horizontal="center" vertical="center" wrapText="1"/>
      <protection locked="0"/>
    </xf>
    <xf numFmtId="49" fontId="2" fillId="0" borderId="30" xfId="0" applyNumberFormat="1" applyFont="1" applyBorder="1" applyAlignment="1" applyProtection="1">
      <alignment horizontal="left" vertical="center" wrapText="1"/>
      <protection locked="0"/>
    </xf>
    <xf numFmtId="49" fontId="2" fillId="0" borderId="37" xfId="0" applyNumberFormat="1" applyFont="1" applyBorder="1" applyAlignment="1" applyProtection="1">
      <alignment horizontal="left"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10" xfId="0" applyNumberFormat="1" applyFont="1" applyFill="1" applyBorder="1" applyAlignment="1" applyProtection="1">
      <alignment horizontal="left" vertical="center" wrapText="1"/>
      <protection locked="0"/>
    </xf>
    <xf numFmtId="49" fontId="5" fillId="5" borderId="9" xfId="0" applyNumberFormat="1" applyFont="1" applyFill="1" applyBorder="1" applyAlignment="1" applyProtection="1">
      <alignment horizontal="left" vertical="center" wrapText="1"/>
      <protection locked="0"/>
    </xf>
    <xf numFmtId="0" fontId="2" fillId="6" borderId="10" xfId="0" applyNumberFormat="1" applyFont="1" applyFill="1" applyBorder="1" applyAlignment="1" applyProtection="1">
      <alignment horizontal="center" vertical="center" wrapText="1"/>
      <protection locked="0"/>
    </xf>
    <xf numFmtId="49" fontId="2" fillId="6" borderId="10" xfId="0" applyNumberFormat="1" applyFont="1" applyFill="1" applyBorder="1" applyAlignment="1" applyProtection="1">
      <alignment horizontal="left" vertical="center" wrapText="1"/>
      <protection locked="0"/>
    </xf>
    <xf numFmtId="49" fontId="2" fillId="6" borderId="9" xfId="0" applyNumberFormat="1" applyFont="1" applyFill="1" applyBorder="1" applyAlignment="1" applyProtection="1">
      <alignment horizontal="left" vertical="center" wrapText="1"/>
      <protection locked="0"/>
    </xf>
    <xf numFmtId="0" fontId="2" fillId="6" borderId="20" xfId="0" applyNumberFormat="1" applyFont="1" applyFill="1" applyBorder="1" applyAlignment="1" applyProtection="1">
      <alignment horizontal="center" vertical="center" wrapText="1"/>
      <protection locked="0"/>
    </xf>
    <xf numFmtId="49" fontId="2" fillId="6" borderId="20" xfId="0" applyNumberFormat="1" applyFont="1" applyFill="1" applyBorder="1" applyAlignment="1" applyProtection="1">
      <alignment horizontal="left" vertical="center" wrapText="1"/>
      <protection locked="0"/>
    </xf>
    <xf numFmtId="49" fontId="2" fillId="6" borderId="21" xfId="0" applyNumberFormat="1" applyFont="1" applyFill="1" applyBorder="1" applyAlignment="1" applyProtection="1">
      <alignment horizontal="left" vertical="center" wrapText="1"/>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49" fontId="4" fillId="2" borderId="18"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49" fontId="5" fillId="5" borderId="33" xfId="0" applyNumberFormat="1" applyFont="1" applyFill="1" applyBorder="1" applyAlignment="1" applyProtection="1">
      <alignment horizontal="left" vertical="center" wrapText="1"/>
      <protection locked="0"/>
    </xf>
    <xf numFmtId="49" fontId="5" fillId="5" borderId="34" xfId="0" applyNumberFormat="1" applyFont="1" applyFill="1" applyBorder="1" applyAlignment="1" applyProtection="1">
      <alignment horizontal="left" vertical="center" wrapText="1"/>
      <protection locked="0"/>
    </xf>
    <xf numFmtId="49" fontId="5" fillId="5" borderId="35" xfId="0" applyNumberFormat="1" applyFont="1" applyFill="1" applyBorder="1" applyAlignment="1" applyProtection="1">
      <alignment horizontal="left"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5" xfId="0" applyFont="1" applyFill="1" applyBorder="1" applyAlignment="1" applyProtection="1">
      <alignment horizontal="left" vertical="center" wrapText="1"/>
      <protection locked="0"/>
    </xf>
    <xf numFmtId="0" fontId="2" fillId="0" borderId="31" xfId="0" applyFont="1" applyFill="1" applyBorder="1" applyAlignment="1" applyProtection="1">
      <alignment horizontal="left" vertical="center" wrapText="1"/>
      <protection locked="0"/>
    </xf>
    <xf numFmtId="0" fontId="2" fillId="0" borderId="20" xfId="0" applyNumberFormat="1" applyFont="1" applyBorder="1" applyAlignment="1" applyProtection="1">
      <alignment horizontal="center" vertical="center" wrapText="1"/>
      <protection locked="0"/>
    </xf>
    <xf numFmtId="0" fontId="2" fillId="0" borderId="20"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49" fontId="3" fillId="2" borderId="1" xfId="0" applyNumberFormat="1" applyFont="1" applyFill="1" applyBorder="1" applyAlignment="1" applyProtection="1">
      <alignment horizontal="left" vertical="top" wrapText="1"/>
      <protection locked="0"/>
    </xf>
    <xf numFmtId="49" fontId="3" fillId="2" borderId="13" xfId="0" applyNumberFormat="1" applyFont="1" applyFill="1" applyBorder="1" applyAlignment="1" applyProtection="1">
      <alignment horizontal="left" vertical="top" wrapText="1"/>
      <protection locked="0"/>
    </xf>
    <xf numFmtId="0" fontId="3" fillId="2" borderId="14" xfId="0" applyFont="1" applyFill="1" applyBorder="1" applyAlignment="1" applyProtection="1">
      <alignment horizontal="center" vertical="top" wrapText="1"/>
      <protection locked="0"/>
    </xf>
    <xf numFmtId="0" fontId="3" fillId="2" borderId="13"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3" fillId="2" borderId="12" xfId="0" applyNumberFormat="1" applyFont="1" applyFill="1" applyBorder="1" applyAlignment="1" applyProtection="1">
      <alignment horizontal="left" vertical="top" wrapText="1"/>
      <protection locked="0"/>
    </xf>
    <xf numFmtId="49" fontId="3" fillId="2" borderId="3" xfId="0" applyNumberFormat="1" applyFont="1" applyFill="1" applyBorder="1" applyAlignment="1" applyProtection="1">
      <alignment horizontal="left" vertical="top" wrapText="1"/>
      <protection locked="0"/>
    </xf>
    <xf numFmtId="49" fontId="2" fillId="2" borderId="15" xfId="0" applyNumberFormat="1" applyFont="1" applyFill="1" applyBorder="1" applyAlignment="1" applyProtection="1">
      <alignment horizontal="center" vertical="center" wrapText="1"/>
      <protection locked="0"/>
    </xf>
    <xf numFmtId="49" fontId="2" fillId="2" borderId="18" xfId="0" applyNumberFormat="1" applyFont="1" applyFill="1" applyBorder="1" applyAlignment="1" applyProtection="1">
      <alignment horizontal="center" vertical="center" wrapText="1"/>
      <protection locked="0"/>
    </xf>
    <xf numFmtId="49" fontId="2" fillId="2" borderId="4" xfId="0" applyNumberFormat="1" applyFont="1" applyFill="1" applyBorder="1" applyAlignment="1" applyProtection="1">
      <alignment horizontal="center" vertical="center" wrapText="1"/>
      <protection locked="0"/>
    </xf>
    <xf numFmtId="0" fontId="7" fillId="0" borderId="23" xfId="0" applyNumberFormat="1" applyFont="1" applyBorder="1" applyAlignment="1" applyProtection="1">
      <alignment horizontal="center" vertical="center" wrapText="1"/>
      <protection locked="0"/>
    </xf>
    <xf numFmtId="0" fontId="2" fillId="0" borderId="23" xfId="0" applyFont="1" applyFill="1" applyBorder="1" applyAlignment="1" applyProtection="1">
      <alignment horizontal="left" vertical="center" wrapText="1"/>
      <protection locked="0"/>
    </xf>
    <xf numFmtId="0" fontId="2" fillId="0" borderId="24" xfId="0" applyFont="1" applyFill="1" applyBorder="1" applyAlignment="1" applyProtection="1">
      <alignment horizontal="left" vertical="center" wrapText="1"/>
      <protection locked="0"/>
    </xf>
    <xf numFmtId="0" fontId="7" fillId="0" borderId="28" xfId="0" applyNumberFormat="1" applyFont="1" applyBorder="1" applyAlignment="1" applyProtection="1">
      <alignment horizontal="center" vertical="center" wrapText="1"/>
      <protection locked="0"/>
    </xf>
    <xf numFmtId="0" fontId="2" fillId="0" borderId="28" xfId="0" applyFont="1" applyFill="1" applyBorder="1" applyAlignment="1" applyProtection="1">
      <alignment horizontal="left" vertical="center" wrapText="1"/>
      <protection locked="0"/>
    </xf>
    <xf numFmtId="0" fontId="2" fillId="0" borderId="29" xfId="0" applyFont="1" applyFill="1" applyBorder="1" applyAlignment="1" applyProtection="1">
      <alignment horizontal="left" vertical="center" wrapText="1"/>
      <protection locked="0"/>
    </xf>
    <xf numFmtId="0" fontId="7" fillId="0" borderId="10" xfId="0" applyNumberFormat="1" applyFont="1" applyBorder="1" applyAlignment="1" applyProtection="1">
      <alignment horizontal="center" vertical="center" wrapText="1"/>
      <protection locked="0"/>
    </xf>
    <xf numFmtId="0" fontId="7" fillId="0" borderId="20" xfId="0" applyNumberFormat="1" applyFont="1" applyBorder="1" applyAlignment="1" applyProtection="1">
      <alignment horizontal="center" vertical="center" wrapText="1"/>
      <protection locked="0"/>
    </xf>
    <xf numFmtId="0" fontId="2" fillId="0" borderId="25" xfId="0" applyFont="1" applyFill="1" applyBorder="1" applyAlignment="1" applyProtection="1">
      <alignment horizontal="left" vertical="center" wrapText="1"/>
      <protection locked="0"/>
    </xf>
    <xf numFmtId="0" fontId="2" fillId="0" borderId="26" xfId="0" applyFont="1" applyFill="1" applyBorder="1" applyAlignment="1" applyProtection="1">
      <alignment horizontal="left" vertical="center"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0" fontId="7" fillId="0" borderId="0" xfId="0" applyNumberFormat="1" applyFont="1" applyBorder="1" applyAlignment="1" applyProtection="1">
      <alignment horizontal="lef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11" fillId="0" borderId="0" xfId="5" applyFont="1" applyAlignment="1" applyProtection="1">
      <alignment horizontal="center" vertical="center" wrapText="1"/>
      <protection locked="0"/>
    </xf>
    <xf numFmtId="0" fontId="7" fillId="0" borderId="0" xfId="5" applyFont="1" applyAlignment="1" applyProtection="1">
      <alignment horizontal="center"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12" fillId="0" borderId="7" xfId="0" applyFont="1" applyBorder="1" applyAlignment="1" applyProtection="1">
      <alignment horizontal="center"/>
      <protection locked="0"/>
    </xf>
    <xf numFmtId="0" fontId="7" fillId="0" borderId="0" xfId="0" applyFont="1" applyAlignment="1" applyProtection="1">
      <alignment wrapText="1"/>
      <protection locked="0"/>
    </xf>
    <xf numFmtId="0" fontId="12" fillId="0" borderId="19" xfId="0" applyFont="1" applyBorder="1" applyAlignment="1" applyProtection="1">
      <alignment wrapText="1"/>
      <protection locked="0"/>
    </xf>
    <xf numFmtId="0" fontId="7" fillId="0" borderId="0" xfId="0" applyFont="1" applyAlignment="1" applyProtection="1">
      <alignment horizontal="right" vertical="center"/>
      <protection locked="0"/>
    </xf>
    <xf numFmtId="0" fontId="11" fillId="0" borderId="0" xfId="0" applyNumberFormat="1" applyFont="1" applyBorder="1" applyAlignment="1" applyProtection="1">
      <alignment horizontal="left" vertical="center" wrapText="1"/>
      <protection locked="0"/>
    </xf>
    <xf numFmtId="0" fontId="7" fillId="0" borderId="0" xfId="0" applyFont="1" applyAlignment="1" applyProtection="1">
      <alignment horizontal="right" vertical="center" wrapText="1"/>
      <protection locked="0"/>
    </xf>
    <xf numFmtId="49" fontId="2" fillId="6" borderId="8" xfId="0" applyNumberFormat="1" applyFont="1" applyFill="1" applyBorder="1" applyAlignment="1" applyProtection="1">
      <alignment horizontal="left" vertical="center"/>
    </xf>
    <xf numFmtId="49" fontId="4" fillId="0" borderId="10" xfId="0" applyNumberFormat="1" applyFont="1" applyFill="1" applyBorder="1" applyAlignment="1" applyProtection="1">
      <alignment horizontal="left" vertical="center" wrapText="1"/>
    </xf>
    <xf numFmtId="49" fontId="2" fillId="0" borderId="8" xfId="0" applyNumberFormat="1" applyFont="1" applyBorder="1" applyAlignment="1" applyProtection="1">
      <alignment horizontal="center" vertical="center"/>
    </xf>
    <xf numFmtId="49" fontId="2" fillId="0" borderId="10" xfId="0" applyNumberFormat="1" applyFont="1" applyBorder="1" applyAlignment="1" applyProtection="1">
      <alignment horizontal="left" vertical="top" wrapText="1"/>
    </xf>
    <xf numFmtId="0" fontId="2" fillId="0" borderId="10" xfId="0" applyFont="1" applyBorder="1" applyAlignment="1" applyProtection="1">
      <alignment horizontal="left" vertical="center" wrapText="1"/>
    </xf>
    <xf numFmtId="49" fontId="4" fillId="6" borderId="10" xfId="0" applyNumberFormat="1" applyFont="1" applyFill="1" applyBorder="1" applyAlignment="1" applyProtection="1">
      <alignment horizontal="left" vertical="center" wrapText="1"/>
    </xf>
    <xf numFmtId="49" fontId="2" fillId="0" borderId="36" xfId="0" applyNumberFormat="1" applyFont="1" applyBorder="1" applyAlignment="1" applyProtection="1">
      <alignment horizontal="center" vertical="center"/>
    </xf>
    <xf numFmtId="49" fontId="4" fillId="0" borderId="30" xfId="0" applyNumberFormat="1" applyFont="1" applyFill="1" applyBorder="1" applyAlignment="1" applyProtection="1">
      <alignment horizontal="left" vertical="center" wrapText="1"/>
    </xf>
    <xf numFmtId="49" fontId="2" fillId="6" borderId="8" xfId="0" applyNumberFormat="1" applyFont="1" applyFill="1" applyBorder="1" applyAlignment="1" applyProtection="1">
      <alignment horizontal="center" vertical="center"/>
    </xf>
    <xf numFmtId="49" fontId="4" fillId="6" borderId="5" xfId="0" applyNumberFormat="1" applyFont="1" applyFill="1" applyBorder="1" applyAlignment="1" applyProtection="1">
      <alignment vertical="center" wrapText="1"/>
    </xf>
    <xf numFmtId="49" fontId="2" fillId="6" borderId="11" xfId="0" applyNumberFormat="1" applyFont="1" applyFill="1" applyBorder="1" applyAlignment="1" applyProtection="1">
      <alignment horizontal="center" vertical="center"/>
    </xf>
    <xf numFmtId="49" fontId="4" fillId="6" borderId="25" xfId="0" applyNumberFormat="1" applyFont="1" applyFill="1" applyBorder="1" applyAlignment="1" applyProtection="1">
      <alignment vertical="center" wrapText="1"/>
    </xf>
    <xf numFmtId="49" fontId="2" fillId="0" borderId="27" xfId="0" applyNumberFormat="1" applyFont="1" applyBorder="1" applyAlignment="1" applyProtection="1">
      <alignment horizontal="center" vertical="center" wrapText="1"/>
    </xf>
    <xf numFmtId="0" fontId="4" fillId="0" borderId="41" xfId="0" applyFont="1" applyBorder="1" applyAlignment="1" applyProtection="1">
      <alignment vertical="center" wrapText="1"/>
    </xf>
    <xf numFmtId="49" fontId="2" fillId="6" borderId="38" xfId="0" applyNumberFormat="1" applyFont="1" applyFill="1" applyBorder="1" applyAlignment="1" applyProtection="1">
      <alignment horizontal="center" vertical="center" wrapText="1"/>
    </xf>
    <xf numFmtId="0" fontId="4" fillId="6" borderId="42" xfId="0" applyFont="1" applyFill="1" applyBorder="1" applyAlignment="1" applyProtection="1">
      <alignment vertical="center" wrapText="1"/>
    </xf>
    <xf numFmtId="49" fontId="2" fillId="6" borderId="39" xfId="0" applyNumberFormat="1" applyFont="1" applyFill="1" applyBorder="1" applyAlignment="1" applyProtection="1">
      <alignment horizontal="right" vertical="center" wrapText="1"/>
    </xf>
    <xf numFmtId="0" fontId="4" fillId="6" borderId="43" xfId="0" applyFont="1" applyFill="1" applyBorder="1" applyAlignment="1" applyProtection="1">
      <alignment vertical="center" wrapText="1"/>
    </xf>
    <xf numFmtId="49" fontId="2" fillId="6" borderId="40" xfId="0" applyNumberFormat="1" applyFont="1" applyFill="1" applyBorder="1" applyAlignment="1" applyProtection="1">
      <alignment horizontal="right" vertical="center" wrapText="1"/>
    </xf>
    <xf numFmtId="0" fontId="4" fillId="6" borderId="44" xfId="0" applyFont="1" applyFill="1" applyBorder="1" applyAlignment="1" applyProtection="1">
      <alignment vertical="center" wrapText="1"/>
    </xf>
    <xf numFmtId="49" fontId="2" fillId="0" borderId="27" xfId="0" applyNumberFormat="1" applyFont="1" applyFill="1" applyBorder="1" applyAlignment="1" applyProtection="1">
      <alignment horizontal="center" vertical="center" wrapText="1"/>
    </xf>
    <xf numFmtId="0" fontId="4" fillId="0" borderId="5" xfId="0" applyFont="1" applyFill="1" applyBorder="1" applyAlignment="1" applyProtection="1">
      <alignment vertical="center" wrapText="1"/>
    </xf>
    <xf numFmtId="49" fontId="2" fillId="0" borderId="8" xfId="0" applyNumberFormat="1" applyFont="1" applyFill="1" applyBorder="1" applyAlignment="1" applyProtection="1">
      <alignment horizontal="center" vertical="center" wrapText="1"/>
    </xf>
    <xf numFmtId="0" fontId="4" fillId="6" borderId="5" xfId="0" applyFont="1" applyFill="1" applyBorder="1" applyAlignment="1" applyProtection="1">
      <alignment vertical="center" wrapText="1"/>
    </xf>
    <xf numFmtId="49" fontId="2" fillId="0" borderId="38" xfId="0" applyNumberFormat="1" applyFont="1" applyFill="1" applyBorder="1" applyAlignment="1" applyProtection="1">
      <alignment horizontal="center" vertical="center" wrapText="1"/>
    </xf>
    <xf numFmtId="0" fontId="4" fillId="6" borderId="45" xfId="0" applyFont="1" applyFill="1" applyBorder="1" applyAlignment="1" applyProtection="1">
      <alignment vertical="center" wrapText="1"/>
    </xf>
    <xf numFmtId="49" fontId="2" fillId="0" borderId="39" xfId="0" applyNumberFormat="1" applyFont="1" applyFill="1" applyBorder="1" applyAlignment="1" applyProtection="1">
      <alignment horizontal="right" vertical="center" wrapText="1"/>
    </xf>
    <xf numFmtId="0" fontId="4" fillId="6" borderId="46" xfId="0" applyFont="1" applyFill="1" applyBorder="1" applyAlignment="1" applyProtection="1">
      <alignment vertical="center" wrapText="1"/>
    </xf>
    <xf numFmtId="49" fontId="2" fillId="0" borderId="40" xfId="0" applyNumberFormat="1" applyFont="1" applyFill="1" applyBorder="1" applyAlignment="1" applyProtection="1">
      <alignment horizontal="right" vertical="center" wrapText="1"/>
    </xf>
    <xf numFmtId="0" fontId="4" fillId="6" borderId="47" xfId="0" applyFont="1" applyFill="1" applyBorder="1" applyAlignment="1" applyProtection="1">
      <alignment vertical="center" wrapText="1"/>
    </xf>
    <xf numFmtId="0" fontId="4" fillId="0" borderId="0" xfId="0" applyFont="1" applyAlignment="1" applyProtection="1">
      <alignment vertical="center" wrapText="1"/>
    </xf>
    <xf numFmtId="49" fontId="2" fillId="0" borderId="11" xfId="0" applyNumberFormat="1" applyFont="1" applyFill="1" applyBorder="1" applyAlignment="1" applyProtection="1">
      <alignment horizontal="center" vertical="center" wrapText="1"/>
    </xf>
    <xf numFmtId="0" fontId="4" fillId="6" borderId="25" xfId="0" applyFont="1" applyFill="1" applyBorder="1" applyAlignment="1" applyProtection="1">
      <alignment vertical="center" wrapText="1"/>
    </xf>
    <xf numFmtId="49" fontId="2" fillId="0" borderId="22" xfId="0" applyNumberFormat="1" applyFont="1" applyFill="1" applyBorder="1" applyAlignment="1" applyProtection="1">
      <alignment horizontal="center" vertical="center" wrapText="1"/>
    </xf>
    <xf numFmtId="0" fontId="3" fillId="6" borderId="23" xfId="0" applyFont="1" applyFill="1" applyBorder="1" applyAlignment="1" applyProtection="1">
      <alignment horizontal="left" vertical="center" wrapText="1"/>
    </xf>
    <xf numFmtId="0" fontId="3" fillId="6" borderId="10" xfId="0" applyFont="1" applyFill="1" applyBorder="1" applyAlignment="1" applyProtection="1">
      <alignment horizontal="left" vertical="center" wrapText="1"/>
    </xf>
    <xf numFmtId="0" fontId="3" fillId="6" borderId="28" xfId="0" applyFont="1" applyFill="1" applyBorder="1" applyAlignment="1" applyProtection="1">
      <alignment horizontal="left" vertical="center" wrapText="1"/>
    </xf>
    <xf numFmtId="49" fontId="2" fillId="6" borderId="8" xfId="0" applyNumberFormat="1" applyFont="1" applyFill="1" applyBorder="1" applyAlignment="1" applyProtection="1">
      <alignment horizontal="center" vertical="center" wrapText="1"/>
    </xf>
    <xf numFmtId="0" fontId="2" fillId="6" borderId="10" xfId="0" applyFont="1" applyFill="1" applyBorder="1" applyAlignment="1" applyProtection="1">
      <alignment horizontal="left" vertical="top" wrapText="1"/>
    </xf>
    <xf numFmtId="49" fontId="2" fillId="6" borderId="27" xfId="0" applyNumberFormat="1" applyFont="1" applyFill="1" applyBorder="1" applyAlignment="1" applyProtection="1">
      <alignment horizontal="center" vertical="center" wrapText="1"/>
    </xf>
    <xf numFmtId="49" fontId="2" fillId="6" borderId="11" xfId="0" applyNumberFormat="1" applyFont="1" applyFill="1" applyBorder="1" applyAlignment="1" applyProtection="1">
      <alignment horizontal="center" vertical="center" wrapText="1"/>
    </xf>
    <xf numFmtId="0" fontId="2" fillId="6" borderId="20" xfId="0" applyFont="1" applyFill="1" applyBorder="1" applyAlignment="1" applyProtection="1">
      <alignment horizontal="lef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8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236"/>
  <sheetViews>
    <sheetView showGridLines="0" tabSelected="1" zoomScaleNormal="100" workbookViewId="0">
      <selection activeCell="B1" sqref="B1:F1"/>
    </sheetView>
  </sheetViews>
  <sheetFormatPr defaultRowHeight="12.75" x14ac:dyDescent="0.2"/>
  <cols>
    <col min="1" max="1" width="5.5703125" style="14" customWidth="1"/>
    <col min="2" max="2" width="13.5703125" style="14" customWidth="1"/>
    <col min="3" max="3" width="70.42578125" style="14" customWidth="1"/>
    <col min="4" max="4" width="16.42578125" style="41" customWidth="1"/>
    <col min="5" max="5" width="13.7109375" style="41" customWidth="1"/>
    <col min="6" max="6" width="19.7109375" style="23" customWidth="1"/>
    <col min="7" max="7" width="17.140625" style="14" customWidth="1"/>
    <col min="8" max="8" width="9.140625" style="14"/>
    <col min="9" max="9" width="9.140625" style="14" customWidth="1"/>
    <col min="10" max="16384" width="9.140625" style="14"/>
  </cols>
  <sheetData>
    <row r="1" spans="2:6" ht="24" customHeight="1" x14ac:dyDescent="0.2">
      <c r="B1" s="13" t="s">
        <v>44</v>
      </c>
      <c r="C1" s="13"/>
      <c r="D1" s="13"/>
      <c r="E1" s="13"/>
      <c r="F1" s="13"/>
    </row>
    <row r="2" spans="2:6" s="16" customFormat="1" ht="27.75" customHeight="1" x14ac:dyDescent="0.2">
      <c r="B2" s="15" t="s">
        <v>42</v>
      </c>
      <c r="C2" s="15"/>
      <c r="D2" s="15"/>
      <c r="E2" s="15"/>
      <c r="F2" s="15"/>
    </row>
    <row r="3" spans="2:6" s="16" customFormat="1" ht="54.75" customHeight="1" x14ac:dyDescent="0.2">
      <c r="B3" s="17" t="s">
        <v>47</v>
      </c>
      <c r="C3" s="17"/>
      <c r="D3" s="17"/>
      <c r="E3" s="17"/>
      <c r="F3" s="17"/>
    </row>
    <row r="4" spans="2:6" ht="24.95" customHeight="1" x14ac:dyDescent="0.2">
      <c r="B4" s="18" t="s">
        <v>46</v>
      </c>
      <c r="C4" s="19"/>
      <c r="D4" s="20"/>
      <c r="E4" s="20"/>
      <c r="F4" s="20"/>
    </row>
    <row r="5" spans="2:6" ht="24.95" customHeight="1" x14ac:dyDescent="0.2">
      <c r="B5" s="18" t="s">
        <v>45</v>
      </c>
      <c r="C5" s="21"/>
      <c r="D5" s="20"/>
      <c r="E5" s="20"/>
      <c r="F5" s="20"/>
    </row>
    <row r="6" spans="2:6" ht="5.0999999999999996" customHeight="1" x14ac:dyDescent="0.2">
      <c r="B6" s="20"/>
      <c r="C6" s="20"/>
      <c r="D6" s="20"/>
      <c r="E6" s="20"/>
      <c r="F6" s="20"/>
    </row>
    <row r="7" spans="2:6" s="23" customFormat="1" ht="20.100000000000001" customHeight="1" x14ac:dyDescent="0.25">
      <c r="B7" s="22" t="s">
        <v>5</v>
      </c>
      <c r="C7" s="22"/>
      <c r="D7" s="22"/>
      <c r="E7" s="22"/>
      <c r="F7" s="22"/>
    </row>
    <row r="8" spans="2:6" s="23" customFormat="1" ht="20.100000000000001" customHeight="1" x14ac:dyDescent="0.25">
      <c r="B8" s="24" t="s">
        <v>9</v>
      </c>
      <c r="C8" s="24"/>
      <c r="D8" s="24"/>
      <c r="E8" s="24"/>
      <c r="F8" s="24"/>
    </row>
    <row r="9" spans="2:6" ht="28.5" customHeight="1" x14ac:dyDescent="0.2">
      <c r="B9" s="25" t="s">
        <v>102</v>
      </c>
      <c r="C9" s="25"/>
      <c r="D9" s="25"/>
      <c r="E9" s="25"/>
      <c r="F9" s="25"/>
    </row>
    <row r="10" spans="2:6" ht="4.5" customHeight="1" x14ac:dyDescent="0.2">
      <c r="B10" s="26"/>
      <c r="C10" s="26"/>
      <c r="D10" s="26"/>
      <c r="E10" s="26"/>
      <c r="F10" s="26"/>
    </row>
    <row r="11" spans="2:6" s="23" customFormat="1" ht="20.100000000000001" customHeight="1" x14ac:dyDescent="0.25">
      <c r="B11" s="27" t="s">
        <v>10</v>
      </c>
      <c r="C11" s="27"/>
      <c r="D11" s="27"/>
      <c r="E11" s="27"/>
      <c r="F11" s="27"/>
    </row>
    <row r="12" spans="2:6" s="30" customFormat="1" ht="20.100000000000001" customHeight="1" x14ac:dyDescent="0.25">
      <c r="B12" s="28" t="s">
        <v>58</v>
      </c>
      <c r="C12" s="28"/>
      <c r="D12" s="28"/>
      <c r="E12" s="29"/>
      <c r="F12" s="29"/>
    </row>
    <row r="13" spans="2:6" s="30" customFormat="1" ht="20.100000000000001" customHeight="1" x14ac:dyDescent="0.25">
      <c r="B13" s="28" t="s">
        <v>103</v>
      </c>
      <c r="C13" s="28"/>
      <c r="D13" s="28"/>
      <c r="E13" s="29"/>
      <c r="F13" s="29"/>
    </row>
    <row r="14" spans="2:6" s="30" customFormat="1" ht="20.100000000000001" customHeight="1" x14ac:dyDescent="0.25">
      <c r="B14" s="28" t="s">
        <v>83</v>
      </c>
      <c r="C14" s="28"/>
      <c r="D14" s="31"/>
      <c r="E14" s="29"/>
      <c r="F14" s="29"/>
    </row>
    <row r="15" spans="2:6" s="30" customFormat="1" ht="20.100000000000001" customHeight="1" x14ac:dyDescent="0.25">
      <c r="B15" s="28" t="s">
        <v>82</v>
      </c>
      <c r="C15" s="28"/>
      <c r="D15" s="28"/>
      <c r="E15" s="29"/>
      <c r="F15" s="29"/>
    </row>
    <row r="16" spans="2:6" ht="4.5" customHeight="1" x14ac:dyDescent="0.2">
      <c r="B16" s="32"/>
      <c r="C16" s="32"/>
      <c r="D16" s="32"/>
      <c r="E16" s="26"/>
      <c r="F16" s="26"/>
    </row>
    <row r="17" spans="2:6" ht="20.100000000000001" customHeight="1" x14ac:dyDescent="0.2">
      <c r="B17" s="33" t="s">
        <v>11</v>
      </c>
      <c r="C17" s="34"/>
      <c r="D17" s="34"/>
      <c r="E17" s="35"/>
      <c r="F17" s="35"/>
    </row>
    <row r="18" spans="2:6" s="39" customFormat="1" ht="24.95" customHeight="1" x14ac:dyDescent="0.25">
      <c r="B18" s="36" t="s">
        <v>55</v>
      </c>
      <c r="C18" s="36"/>
      <c r="D18" s="36"/>
      <c r="E18" s="37"/>
      <c r="F18" s="38"/>
    </row>
    <row r="19" spans="2:6" ht="5.0999999999999996" customHeight="1" x14ac:dyDescent="0.2">
      <c r="B19" s="40"/>
      <c r="C19" s="40"/>
      <c r="D19" s="40"/>
      <c r="F19" s="42"/>
    </row>
    <row r="20" spans="2:6" s="23" customFormat="1" ht="20.100000000000001" customHeight="1" x14ac:dyDescent="0.25">
      <c r="B20" s="22" t="s">
        <v>24</v>
      </c>
      <c r="C20" s="22"/>
      <c r="D20" s="22"/>
      <c r="E20" s="22"/>
      <c r="F20" s="22"/>
    </row>
    <row r="21" spans="2:6" ht="33.75" customHeight="1" x14ac:dyDescent="0.2">
      <c r="B21" s="43" t="s">
        <v>102</v>
      </c>
      <c r="C21" s="43"/>
      <c r="D21" s="43"/>
      <c r="E21" s="43"/>
      <c r="F21" s="43"/>
    </row>
    <row r="22" spans="2:6" ht="5.0999999999999996" customHeight="1" x14ac:dyDescent="0.2">
      <c r="B22" s="40"/>
      <c r="C22" s="40"/>
      <c r="D22" s="40"/>
      <c r="F22" s="42"/>
    </row>
    <row r="23" spans="2:6" s="23" customFormat="1" ht="20.100000000000001" customHeight="1" x14ac:dyDescent="0.25">
      <c r="B23" s="22" t="s">
        <v>25</v>
      </c>
      <c r="C23" s="22"/>
      <c r="D23" s="22"/>
      <c r="E23" s="22"/>
      <c r="F23" s="22"/>
    </row>
    <row r="24" spans="2:6" s="45" customFormat="1" ht="20.100000000000001" customHeight="1" x14ac:dyDescent="0.25">
      <c r="B24" s="44" t="s">
        <v>6</v>
      </c>
      <c r="C24" s="44"/>
      <c r="D24" s="44"/>
      <c r="E24" s="44"/>
      <c r="F24" s="44"/>
    </row>
    <row r="25" spans="2:6" s="45" customFormat="1" ht="20.100000000000001" customHeight="1" x14ac:dyDescent="0.25">
      <c r="B25" s="46" t="s">
        <v>18</v>
      </c>
      <c r="C25" s="47"/>
      <c r="D25" s="48"/>
      <c r="E25" s="48"/>
      <c r="F25" s="48"/>
    </row>
    <row r="26" spans="2:6" s="45" customFormat="1" ht="20.100000000000001" customHeight="1" x14ac:dyDescent="0.25">
      <c r="B26" s="49"/>
      <c r="C26" s="49" t="s">
        <v>22</v>
      </c>
      <c r="D26" s="48"/>
      <c r="E26" s="48"/>
      <c r="F26" s="48"/>
    </row>
    <row r="27" spans="2:6" s="45" customFormat="1" ht="20.100000000000001" customHeight="1" x14ac:dyDescent="0.25">
      <c r="B27" s="49"/>
      <c r="C27" s="49" t="s">
        <v>23</v>
      </c>
      <c r="D27" s="48"/>
      <c r="E27" s="48"/>
      <c r="F27" s="48"/>
    </row>
    <row r="28" spans="2:6" s="45" customFormat="1" ht="20.100000000000001" customHeight="1" x14ac:dyDescent="0.25">
      <c r="B28" s="46" t="s">
        <v>19</v>
      </c>
      <c r="C28" s="47"/>
      <c r="D28" s="48"/>
      <c r="E28" s="48"/>
      <c r="F28" s="48"/>
    </row>
    <row r="29" spans="2:6" s="45" customFormat="1" ht="31.5" customHeight="1" x14ac:dyDescent="0.25">
      <c r="B29" s="50" t="s">
        <v>20</v>
      </c>
      <c r="C29" s="51" t="s">
        <v>13</v>
      </c>
      <c r="D29" s="52"/>
      <c r="E29" s="53" t="s">
        <v>12</v>
      </c>
      <c r="F29" s="53" t="s">
        <v>14</v>
      </c>
    </row>
    <row r="30" spans="2:6" s="45" customFormat="1" ht="24.95" customHeight="1" x14ac:dyDescent="0.25">
      <c r="B30" s="54" t="s">
        <v>2</v>
      </c>
      <c r="C30" s="55" t="s">
        <v>102</v>
      </c>
      <c r="D30" s="56"/>
      <c r="E30" s="57" t="s">
        <v>1</v>
      </c>
      <c r="F30" s="58">
        <v>2</v>
      </c>
    </row>
    <row r="31" spans="2:6" s="45" customFormat="1" ht="24.95" customHeight="1" x14ac:dyDescent="0.25">
      <c r="B31" s="59" t="s">
        <v>84</v>
      </c>
      <c r="C31" s="60" t="s">
        <v>85</v>
      </c>
      <c r="D31" s="61"/>
      <c r="E31" s="62" t="s">
        <v>86</v>
      </c>
      <c r="F31" s="63">
        <v>60</v>
      </c>
    </row>
    <row r="32" spans="2:6" s="45" customFormat="1" ht="4.5" customHeight="1" x14ac:dyDescent="0.25">
      <c r="B32" s="48"/>
      <c r="C32" s="48"/>
      <c r="D32" s="48"/>
      <c r="E32" s="48"/>
      <c r="F32" s="48"/>
    </row>
    <row r="33" spans="2:7" s="45" customFormat="1" ht="20.100000000000001" customHeight="1" x14ac:dyDescent="0.25">
      <c r="B33" s="46" t="s">
        <v>21</v>
      </c>
      <c r="C33" s="47"/>
      <c r="D33" s="48"/>
      <c r="E33" s="48"/>
      <c r="F33" s="48"/>
    </row>
    <row r="34" spans="2:7" s="45" customFormat="1" ht="20.100000000000001" customHeight="1" x14ac:dyDescent="0.2">
      <c r="B34" s="16"/>
      <c r="C34" s="45" t="s">
        <v>3</v>
      </c>
      <c r="D34" s="48"/>
      <c r="E34" s="48"/>
      <c r="F34" s="48"/>
    </row>
    <row r="35" spans="2:7" s="45" customFormat="1" ht="20.100000000000001" customHeight="1" x14ac:dyDescent="0.25">
      <c r="B35" s="49"/>
      <c r="C35" s="23" t="s">
        <v>4</v>
      </c>
      <c r="D35" s="48"/>
      <c r="E35" s="48"/>
      <c r="F35" s="48"/>
    </row>
    <row r="36" spans="2:7" ht="5.0999999999999996" customHeight="1" x14ac:dyDescent="0.2"/>
    <row r="37" spans="2:7" s="23" customFormat="1" ht="20.100000000000001" customHeight="1" x14ac:dyDescent="0.25">
      <c r="B37" s="22" t="s">
        <v>26</v>
      </c>
      <c r="C37" s="22"/>
      <c r="D37" s="22"/>
      <c r="E37" s="22"/>
      <c r="F37" s="22"/>
    </row>
    <row r="38" spans="2:7" s="23" customFormat="1" ht="5.0999999999999996" customHeight="1" thickBot="1" x14ac:dyDescent="0.3">
      <c r="B38" s="42"/>
      <c r="D38" s="64"/>
      <c r="E38" s="64"/>
      <c r="F38" s="64"/>
    </row>
    <row r="39" spans="2:7" s="39" customFormat="1" ht="93" customHeight="1" x14ac:dyDescent="0.25">
      <c r="B39" s="65" t="s">
        <v>0</v>
      </c>
      <c r="C39" s="66"/>
      <c r="D39" s="67" t="s">
        <v>56</v>
      </c>
      <c r="E39" s="68"/>
      <c r="F39" s="69"/>
      <c r="G39" s="70"/>
    </row>
    <row r="40" spans="2:7" s="39" customFormat="1" ht="30" customHeight="1" thickBot="1" x14ac:dyDescent="0.3">
      <c r="B40" s="71"/>
      <c r="C40" s="72"/>
      <c r="D40" s="73" t="s">
        <v>27</v>
      </c>
      <c r="E40" s="74" t="s">
        <v>28</v>
      </c>
      <c r="F40" s="75"/>
    </row>
    <row r="41" spans="2:7" s="79" customFormat="1" ht="30.75" customHeight="1" x14ac:dyDescent="0.25">
      <c r="B41" s="76" t="s">
        <v>104</v>
      </c>
      <c r="C41" s="77"/>
      <c r="D41" s="77"/>
      <c r="E41" s="77"/>
      <c r="F41" s="78"/>
    </row>
    <row r="42" spans="2:7" s="83" customFormat="1" ht="30" customHeight="1" x14ac:dyDescent="0.25">
      <c r="B42" s="151" t="s">
        <v>16</v>
      </c>
      <c r="C42" s="152" t="s">
        <v>105</v>
      </c>
      <c r="D42" s="80"/>
      <c r="E42" s="81"/>
      <c r="F42" s="82"/>
    </row>
    <row r="43" spans="2:7" s="83" customFormat="1" ht="71.25" customHeight="1" x14ac:dyDescent="0.25">
      <c r="B43" s="153" t="s">
        <v>59</v>
      </c>
      <c r="C43" s="152" t="s">
        <v>106</v>
      </c>
      <c r="D43" s="80"/>
      <c r="E43" s="81"/>
      <c r="F43" s="82"/>
    </row>
    <row r="44" spans="2:7" s="83" customFormat="1" ht="45" customHeight="1" x14ac:dyDescent="0.25">
      <c r="B44" s="151" t="s">
        <v>52</v>
      </c>
      <c r="C44" s="152" t="s">
        <v>107</v>
      </c>
      <c r="D44" s="80"/>
      <c r="E44" s="81"/>
      <c r="F44" s="82"/>
    </row>
    <row r="45" spans="2:7" s="83" customFormat="1" ht="57" customHeight="1" x14ac:dyDescent="0.25">
      <c r="B45" s="153" t="s">
        <v>108</v>
      </c>
      <c r="C45" s="154" t="s">
        <v>109</v>
      </c>
      <c r="D45" s="80"/>
      <c r="E45" s="81"/>
      <c r="F45" s="82"/>
    </row>
    <row r="46" spans="2:7" s="83" customFormat="1" ht="49.5" customHeight="1" x14ac:dyDescent="0.25">
      <c r="B46" s="151" t="s">
        <v>53</v>
      </c>
      <c r="C46" s="152" t="s">
        <v>110</v>
      </c>
      <c r="D46" s="80"/>
      <c r="E46" s="81"/>
      <c r="F46" s="82"/>
    </row>
    <row r="47" spans="2:7" s="83" customFormat="1" ht="30" customHeight="1" x14ac:dyDescent="0.25">
      <c r="B47" s="153" t="s">
        <v>111</v>
      </c>
      <c r="C47" s="152" t="s">
        <v>112</v>
      </c>
      <c r="D47" s="80"/>
      <c r="E47" s="81"/>
      <c r="F47" s="82"/>
    </row>
    <row r="48" spans="2:7" s="83" customFormat="1" ht="30" customHeight="1" x14ac:dyDescent="0.25">
      <c r="B48" s="153" t="s">
        <v>113</v>
      </c>
      <c r="C48" s="152" t="s">
        <v>114</v>
      </c>
      <c r="D48" s="80"/>
      <c r="E48" s="81"/>
      <c r="F48" s="82"/>
    </row>
    <row r="49" spans="2:6" s="83" customFormat="1" ht="30" customHeight="1" x14ac:dyDescent="0.25">
      <c r="B49" s="153" t="s">
        <v>115</v>
      </c>
      <c r="C49" s="152" t="s">
        <v>116</v>
      </c>
      <c r="D49" s="80"/>
      <c r="E49" s="81"/>
      <c r="F49" s="82"/>
    </row>
    <row r="50" spans="2:6" s="83" customFormat="1" ht="51" x14ac:dyDescent="0.25">
      <c r="B50" s="151" t="s">
        <v>54</v>
      </c>
      <c r="C50" s="152" t="s">
        <v>117</v>
      </c>
      <c r="D50" s="80"/>
      <c r="E50" s="81"/>
      <c r="F50" s="82"/>
    </row>
    <row r="51" spans="2:6" s="83" customFormat="1" ht="30" customHeight="1" x14ac:dyDescent="0.25">
      <c r="B51" s="153" t="s">
        <v>118</v>
      </c>
      <c r="C51" s="152" t="s">
        <v>119</v>
      </c>
      <c r="D51" s="80"/>
      <c r="E51" s="81"/>
      <c r="F51" s="82"/>
    </row>
    <row r="52" spans="2:6" s="83" customFormat="1" ht="30" customHeight="1" x14ac:dyDescent="0.25">
      <c r="B52" s="153" t="s">
        <v>120</v>
      </c>
      <c r="C52" s="155" t="s">
        <v>121</v>
      </c>
      <c r="D52" s="80"/>
      <c r="E52" s="81"/>
      <c r="F52" s="82"/>
    </row>
    <row r="53" spans="2:6" s="83" customFormat="1" ht="30" customHeight="1" x14ac:dyDescent="0.25">
      <c r="B53" s="153" t="s">
        <v>122</v>
      </c>
      <c r="C53" s="155" t="s">
        <v>123</v>
      </c>
      <c r="D53" s="80"/>
      <c r="E53" s="81"/>
      <c r="F53" s="82"/>
    </row>
    <row r="54" spans="2:6" s="83" customFormat="1" ht="30" customHeight="1" x14ac:dyDescent="0.25">
      <c r="B54" s="151" t="s">
        <v>62</v>
      </c>
      <c r="C54" s="152" t="s">
        <v>124</v>
      </c>
      <c r="D54" s="80"/>
      <c r="E54" s="81"/>
      <c r="F54" s="82"/>
    </row>
    <row r="55" spans="2:6" s="83" customFormat="1" ht="30" customHeight="1" x14ac:dyDescent="0.25">
      <c r="B55" s="153" t="s">
        <v>125</v>
      </c>
      <c r="C55" s="152" t="s">
        <v>126</v>
      </c>
      <c r="D55" s="80"/>
      <c r="E55" s="81"/>
      <c r="F55" s="82"/>
    </row>
    <row r="56" spans="2:6" s="83" customFormat="1" ht="30" customHeight="1" x14ac:dyDescent="0.25">
      <c r="B56" s="153" t="s">
        <v>127</v>
      </c>
      <c r="C56" s="152" t="s">
        <v>128</v>
      </c>
      <c r="D56" s="80"/>
      <c r="E56" s="81"/>
      <c r="F56" s="82"/>
    </row>
    <row r="57" spans="2:6" s="83" customFormat="1" ht="30" customHeight="1" x14ac:dyDescent="0.25">
      <c r="B57" s="153" t="s">
        <v>129</v>
      </c>
      <c r="C57" s="152" t="s">
        <v>130</v>
      </c>
      <c r="D57" s="80"/>
      <c r="E57" s="81"/>
      <c r="F57" s="82"/>
    </row>
    <row r="58" spans="2:6" s="83" customFormat="1" ht="30" customHeight="1" x14ac:dyDescent="0.25">
      <c r="B58" s="151" t="s">
        <v>63</v>
      </c>
      <c r="C58" s="152" t="s">
        <v>131</v>
      </c>
      <c r="D58" s="80"/>
      <c r="E58" s="81"/>
      <c r="F58" s="82"/>
    </row>
    <row r="59" spans="2:6" s="83" customFormat="1" ht="42.75" customHeight="1" x14ac:dyDescent="0.25">
      <c r="B59" s="153" t="s">
        <v>132</v>
      </c>
      <c r="C59" s="152" t="s">
        <v>133</v>
      </c>
      <c r="D59" s="80"/>
      <c r="E59" s="81"/>
      <c r="F59" s="82"/>
    </row>
    <row r="60" spans="2:6" s="83" customFormat="1" ht="30" customHeight="1" x14ac:dyDescent="0.25">
      <c r="B60" s="151" t="s">
        <v>64</v>
      </c>
      <c r="C60" s="152" t="s">
        <v>134</v>
      </c>
      <c r="D60" s="80"/>
      <c r="E60" s="81"/>
      <c r="F60" s="82"/>
    </row>
    <row r="61" spans="2:6" s="83" customFormat="1" ht="30" customHeight="1" x14ac:dyDescent="0.25">
      <c r="B61" s="153" t="s">
        <v>135</v>
      </c>
      <c r="C61" s="152" t="s">
        <v>136</v>
      </c>
      <c r="D61" s="80"/>
      <c r="E61" s="81"/>
      <c r="F61" s="82"/>
    </row>
    <row r="62" spans="2:6" s="83" customFormat="1" ht="30" customHeight="1" x14ac:dyDescent="0.25">
      <c r="B62" s="153" t="s">
        <v>137</v>
      </c>
      <c r="C62" s="152" t="s">
        <v>138</v>
      </c>
      <c r="D62" s="80"/>
      <c r="E62" s="81"/>
      <c r="F62" s="82"/>
    </row>
    <row r="63" spans="2:6" s="83" customFormat="1" ht="30" customHeight="1" x14ac:dyDescent="0.25">
      <c r="B63" s="153" t="s">
        <v>139</v>
      </c>
      <c r="C63" s="152" t="s">
        <v>140</v>
      </c>
      <c r="D63" s="80"/>
      <c r="E63" s="81"/>
      <c r="F63" s="82"/>
    </row>
    <row r="64" spans="2:6" s="83" customFormat="1" ht="30" customHeight="1" x14ac:dyDescent="0.25">
      <c r="B64" s="151" t="s">
        <v>65</v>
      </c>
      <c r="C64" s="152" t="s">
        <v>141</v>
      </c>
      <c r="D64" s="80"/>
      <c r="E64" s="81"/>
      <c r="F64" s="82"/>
    </row>
    <row r="65" spans="2:6" s="83" customFormat="1" ht="30" customHeight="1" x14ac:dyDescent="0.25">
      <c r="B65" s="153" t="s">
        <v>142</v>
      </c>
      <c r="C65" s="152" t="s">
        <v>143</v>
      </c>
      <c r="D65" s="80"/>
      <c r="E65" s="81"/>
      <c r="F65" s="82"/>
    </row>
    <row r="66" spans="2:6" s="83" customFormat="1" ht="30" customHeight="1" x14ac:dyDescent="0.25">
      <c r="B66" s="153" t="s">
        <v>144</v>
      </c>
      <c r="C66" s="152" t="s">
        <v>145</v>
      </c>
      <c r="D66" s="80"/>
      <c r="E66" s="81"/>
      <c r="F66" s="82"/>
    </row>
    <row r="67" spans="2:6" s="83" customFormat="1" ht="30" customHeight="1" x14ac:dyDescent="0.25">
      <c r="B67" s="153" t="s">
        <v>146</v>
      </c>
      <c r="C67" s="152" t="s">
        <v>147</v>
      </c>
      <c r="D67" s="80"/>
      <c r="E67" s="81"/>
      <c r="F67" s="82"/>
    </row>
    <row r="68" spans="2:6" s="83" customFormat="1" ht="30" customHeight="1" x14ac:dyDescent="0.25">
      <c r="B68" s="151" t="s">
        <v>66</v>
      </c>
      <c r="C68" s="152" t="s">
        <v>148</v>
      </c>
      <c r="D68" s="80"/>
      <c r="E68" s="81"/>
      <c r="F68" s="82"/>
    </row>
    <row r="69" spans="2:6" s="83" customFormat="1" ht="30" customHeight="1" x14ac:dyDescent="0.25">
      <c r="B69" s="153" t="s">
        <v>149</v>
      </c>
      <c r="C69" s="152" t="s">
        <v>143</v>
      </c>
      <c r="D69" s="80"/>
      <c r="E69" s="81"/>
      <c r="F69" s="82"/>
    </row>
    <row r="70" spans="2:6" s="83" customFormat="1" ht="30" customHeight="1" x14ac:dyDescent="0.25">
      <c r="B70" s="153" t="s">
        <v>150</v>
      </c>
      <c r="C70" s="152" t="s">
        <v>151</v>
      </c>
      <c r="D70" s="80"/>
      <c r="E70" s="81"/>
      <c r="F70" s="82"/>
    </row>
    <row r="71" spans="2:6" s="83" customFormat="1" ht="30" customHeight="1" x14ac:dyDescent="0.25">
      <c r="B71" s="153" t="s">
        <v>152</v>
      </c>
      <c r="C71" s="152" t="s">
        <v>153</v>
      </c>
      <c r="D71" s="80"/>
      <c r="E71" s="81"/>
      <c r="F71" s="82"/>
    </row>
    <row r="72" spans="2:6" s="83" customFormat="1" ht="30" customHeight="1" x14ac:dyDescent="0.25">
      <c r="B72" s="151" t="s">
        <v>67</v>
      </c>
      <c r="C72" s="152" t="s">
        <v>154</v>
      </c>
      <c r="D72" s="80"/>
      <c r="E72" s="81"/>
      <c r="F72" s="82"/>
    </row>
    <row r="73" spans="2:6" s="83" customFormat="1" ht="30" customHeight="1" x14ac:dyDescent="0.25">
      <c r="B73" s="153" t="s">
        <v>155</v>
      </c>
      <c r="C73" s="152" t="s">
        <v>156</v>
      </c>
      <c r="D73" s="80"/>
      <c r="E73" s="81"/>
      <c r="F73" s="82"/>
    </row>
    <row r="74" spans="2:6" s="83" customFormat="1" ht="30" customHeight="1" x14ac:dyDescent="0.25">
      <c r="B74" s="151" t="s">
        <v>68</v>
      </c>
      <c r="C74" s="152" t="s">
        <v>157</v>
      </c>
      <c r="D74" s="80"/>
      <c r="E74" s="81"/>
      <c r="F74" s="82"/>
    </row>
    <row r="75" spans="2:6" s="83" customFormat="1" ht="30" customHeight="1" x14ac:dyDescent="0.25">
      <c r="B75" s="153" t="s">
        <v>158</v>
      </c>
      <c r="C75" s="152" t="s">
        <v>159</v>
      </c>
      <c r="D75" s="80"/>
      <c r="E75" s="81"/>
      <c r="F75" s="82"/>
    </row>
    <row r="76" spans="2:6" s="83" customFormat="1" ht="30" customHeight="1" x14ac:dyDescent="0.25">
      <c r="B76" s="151" t="s">
        <v>69</v>
      </c>
      <c r="C76" s="152" t="s">
        <v>160</v>
      </c>
      <c r="D76" s="80"/>
      <c r="E76" s="81"/>
      <c r="F76" s="82"/>
    </row>
    <row r="77" spans="2:6" s="83" customFormat="1" ht="30" customHeight="1" x14ac:dyDescent="0.25">
      <c r="B77" s="153" t="s">
        <v>161</v>
      </c>
      <c r="C77" s="152" t="s">
        <v>162</v>
      </c>
      <c r="D77" s="80"/>
      <c r="E77" s="81"/>
      <c r="F77" s="82"/>
    </row>
    <row r="78" spans="2:6" s="83" customFormat="1" ht="30" customHeight="1" x14ac:dyDescent="0.25">
      <c r="B78" s="151" t="s">
        <v>70</v>
      </c>
      <c r="C78" s="152" t="s">
        <v>163</v>
      </c>
      <c r="D78" s="80"/>
      <c r="E78" s="81"/>
      <c r="F78" s="82"/>
    </row>
    <row r="79" spans="2:6" s="83" customFormat="1" ht="30" customHeight="1" x14ac:dyDescent="0.25">
      <c r="B79" s="153" t="s">
        <v>164</v>
      </c>
      <c r="C79" s="152" t="s">
        <v>165</v>
      </c>
      <c r="D79" s="80"/>
      <c r="E79" s="81"/>
      <c r="F79" s="82"/>
    </row>
    <row r="80" spans="2:6" s="83" customFormat="1" ht="30" customHeight="1" x14ac:dyDescent="0.25">
      <c r="B80" s="151" t="s">
        <v>71</v>
      </c>
      <c r="C80" s="152" t="s">
        <v>166</v>
      </c>
      <c r="D80" s="80"/>
      <c r="E80" s="81"/>
      <c r="F80" s="82"/>
    </row>
    <row r="81" spans="2:6" s="83" customFormat="1" ht="30" customHeight="1" x14ac:dyDescent="0.25">
      <c r="B81" s="153" t="s">
        <v>167</v>
      </c>
      <c r="C81" s="152" t="s">
        <v>168</v>
      </c>
      <c r="D81" s="80"/>
      <c r="E81" s="81"/>
      <c r="F81" s="82"/>
    </row>
    <row r="82" spans="2:6" s="83" customFormat="1" ht="30" customHeight="1" x14ac:dyDescent="0.25">
      <c r="B82" s="151" t="s">
        <v>72</v>
      </c>
      <c r="C82" s="152" t="s">
        <v>169</v>
      </c>
      <c r="D82" s="80"/>
      <c r="E82" s="81"/>
      <c r="F82" s="82"/>
    </row>
    <row r="83" spans="2:6" s="83" customFormat="1" ht="51" x14ac:dyDescent="0.25">
      <c r="B83" s="153" t="s">
        <v>170</v>
      </c>
      <c r="C83" s="152" t="s">
        <v>171</v>
      </c>
      <c r="D83" s="80"/>
      <c r="E83" s="81"/>
      <c r="F83" s="82"/>
    </row>
    <row r="84" spans="2:6" s="83" customFormat="1" ht="30" customHeight="1" x14ac:dyDescent="0.25">
      <c r="B84" s="151" t="s">
        <v>73</v>
      </c>
      <c r="C84" s="152" t="s">
        <v>172</v>
      </c>
      <c r="D84" s="80"/>
      <c r="E84" s="81"/>
      <c r="F84" s="82"/>
    </row>
    <row r="85" spans="2:6" s="83" customFormat="1" ht="30" customHeight="1" x14ac:dyDescent="0.25">
      <c r="B85" s="153" t="s">
        <v>173</v>
      </c>
      <c r="C85" s="152" t="s">
        <v>174</v>
      </c>
      <c r="D85" s="80"/>
      <c r="E85" s="81"/>
      <c r="F85" s="82"/>
    </row>
    <row r="86" spans="2:6" s="83" customFormat="1" ht="30" customHeight="1" x14ac:dyDescent="0.25">
      <c r="B86" s="151" t="s">
        <v>74</v>
      </c>
      <c r="C86" s="152" t="s">
        <v>175</v>
      </c>
      <c r="D86" s="80"/>
      <c r="E86" s="81"/>
      <c r="F86" s="82"/>
    </row>
    <row r="87" spans="2:6" s="83" customFormat="1" ht="30" customHeight="1" x14ac:dyDescent="0.25">
      <c r="B87" s="153" t="s">
        <v>176</v>
      </c>
      <c r="C87" s="152" t="s">
        <v>177</v>
      </c>
      <c r="D87" s="80"/>
      <c r="E87" s="81"/>
      <c r="F87" s="82"/>
    </row>
    <row r="88" spans="2:6" s="83" customFormat="1" ht="30" customHeight="1" x14ac:dyDescent="0.25">
      <c r="B88" s="151" t="s">
        <v>75</v>
      </c>
      <c r="C88" s="152" t="s">
        <v>178</v>
      </c>
      <c r="D88" s="80"/>
      <c r="E88" s="81"/>
      <c r="F88" s="82"/>
    </row>
    <row r="89" spans="2:6" s="83" customFormat="1" ht="51" x14ac:dyDescent="0.25">
      <c r="B89" s="153" t="s">
        <v>179</v>
      </c>
      <c r="C89" s="152" t="s">
        <v>180</v>
      </c>
      <c r="D89" s="80"/>
      <c r="E89" s="81"/>
      <c r="F89" s="82"/>
    </row>
    <row r="90" spans="2:6" s="83" customFormat="1" ht="30" customHeight="1" x14ac:dyDescent="0.25">
      <c r="B90" s="151" t="s">
        <v>76</v>
      </c>
      <c r="C90" s="152" t="s">
        <v>181</v>
      </c>
      <c r="D90" s="80"/>
      <c r="E90" s="81"/>
      <c r="F90" s="82"/>
    </row>
    <row r="91" spans="2:6" s="83" customFormat="1" ht="30" customHeight="1" x14ac:dyDescent="0.25">
      <c r="B91" s="153" t="s">
        <v>182</v>
      </c>
      <c r="C91" s="152" t="s">
        <v>183</v>
      </c>
      <c r="D91" s="80"/>
      <c r="E91" s="81"/>
      <c r="F91" s="82"/>
    </row>
    <row r="92" spans="2:6" s="83" customFormat="1" ht="30" customHeight="1" x14ac:dyDescent="0.25">
      <c r="B92" s="153" t="s">
        <v>184</v>
      </c>
      <c r="C92" s="152" t="s">
        <v>185</v>
      </c>
      <c r="D92" s="80"/>
      <c r="E92" s="81"/>
      <c r="F92" s="82"/>
    </row>
    <row r="93" spans="2:6" s="83" customFormat="1" ht="30" customHeight="1" x14ac:dyDescent="0.25">
      <c r="B93" s="153" t="s">
        <v>186</v>
      </c>
      <c r="C93" s="152" t="s">
        <v>187</v>
      </c>
      <c r="D93" s="80"/>
      <c r="E93" s="81"/>
      <c r="F93" s="82"/>
    </row>
    <row r="94" spans="2:6" s="83" customFormat="1" ht="30" customHeight="1" x14ac:dyDescent="0.25">
      <c r="B94" s="153" t="s">
        <v>188</v>
      </c>
      <c r="C94" s="152" t="s">
        <v>189</v>
      </c>
      <c r="D94" s="80"/>
      <c r="E94" s="81"/>
      <c r="F94" s="82"/>
    </row>
    <row r="95" spans="2:6" s="83" customFormat="1" ht="30" customHeight="1" x14ac:dyDescent="0.25">
      <c r="B95" s="153" t="s">
        <v>190</v>
      </c>
      <c r="C95" s="152" t="s">
        <v>191</v>
      </c>
      <c r="D95" s="80"/>
      <c r="E95" s="81"/>
      <c r="F95" s="82"/>
    </row>
    <row r="96" spans="2:6" s="83" customFormat="1" ht="30" customHeight="1" x14ac:dyDescent="0.25">
      <c r="B96" s="151" t="s">
        <v>77</v>
      </c>
      <c r="C96" s="152" t="s">
        <v>192</v>
      </c>
      <c r="D96" s="80"/>
      <c r="E96" s="81"/>
      <c r="F96" s="82"/>
    </row>
    <row r="97" spans="2:6" s="83" customFormat="1" ht="30" customHeight="1" x14ac:dyDescent="0.25">
      <c r="B97" s="153" t="s">
        <v>193</v>
      </c>
      <c r="C97" s="152" t="s">
        <v>194</v>
      </c>
      <c r="D97" s="80"/>
      <c r="E97" s="81"/>
      <c r="F97" s="82"/>
    </row>
    <row r="98" spans="2:6" s="83" customFormat="1" ht="30" customHeight="1" x14ac:dyDescent="0.25">
      <c r="B98" s="151" t="s">
        <v>78</v>
      </c>
      <c r="C98" s="152" t="s">
        <v>195</v>
      </c>
      <c r="D98" s="80"/>
      <c r="E98" s="81"/>
      <c r="F98" s="82"/>
    </row>
    <row r="99" spans="2:6" s="83" customFormat="1" ht="30" customHeight="1" x14ac:dyDescent="0.25">
      <c r="B99" s="153" t="s">
        <v>196</v>
      </c>
      <c r="C99" s="156" t="s">
        <v>197</v>
      </c>
      <c r="D99" s="80"/>
      <c r="E99" s="81"/>
      <c r="F99" s="82"/>
    </row>
    <row r="100" spans="2:6" s="83" customFormat="1" ht="30" customHeight="1" x14ac:dyDescent="0.25">
      <c r="B100" s="153" t="s">
        <v>198</v>
      </c>
      <c r="C100" s="156" t="s">
        <v>199</v>
      </c>
      <c r="D100" s="80"/>
      <c r="E100" s="81"/>
      <c r="F100" s="82"/>
    </row>
    <row r="101" spans="2:6" s="83" customFormat="1" ht="30" customHeight="1" x14ac:dyDescent="0.25">
      <c r="B101" s="157" t="s">
        <v>200</v>
      </c>
      <c r="C101" s="158" t="s">
        <v>201</v>
      </c>
      <c r="D101" s="84"/>
      <c r="E101" s="85"/>
      <c r="F101" s="86"/>
    </row>
    <row r="102" spans="2:6" s="79" customFormat="1" ht="30.75" customHeight="1" x14ac:dyDescent="0.25">
      <c r="B102" s="87" t="s">
        <v>87</v>
      </c>
      <c r="C102" s="88"/>
      <c r="D102" s="88"/>
      <c r="E102" s="88"/>
      <c r="F102" s="89"/>
    </row>
    <row r="103" spans="2:6" s="83" customFormat="1" ht="24.95" customHeight="1" x14ac:dyDescent="0.25">
      <c r="B103" s="159" t="s">
        <v>16</v>
      </c>
      <c r="C103" s="160" t="s">
        <v>88</v>
      </c>
      <c r="D103" s="90"/>
      <c r="E103" s="91"/>
      <c r="F103" s="92"/>
    </row>
    <row r="104" spans="2:6" s="83" customFormat="1" ht="24.95" customHeight="1" x14ac:dyDescent="0.25">
      <c r="B104" s="159" t="s">
        <v>52</v>
      </c>
      <c r="C104" s="160" t="s">
        <v>89</v>
      </c>
      <c r="D104" s="90"/>
      <c r="E104" s="91"/>
      <c r="F104" s="92"/>
    </row>
    <row r="105" spans="2:6" s="83" customFormat="1" ht="24.95" customHeight="1" x14ac:dyDescent="0.25">
      <c r="B105" s="159" t="s">
        <v>53</v>
      </c>
      <c r="C105" s="160" t="s">
        <v>90</v>
      </c>
      <c r="D105" s="90"/>
      <c r="E105" s="91"/>
      <c r="F105" s="92"/>
    </row>
    <row r="106" spans="2:6" s="83" customFormat="1" ht="24.95" customHeight="1" x14ac:dyDescent="0.25">
      <c r="B106" s="159" t="s">
        <v>54</v>
      </c>
      <c r="C106" s="160" t="s">
        <v>91</v>
      </c>
      <c r="D106" s="90"/>
      <c r="E106" s="91"/>
      <c r="F106" s="92"/>
    </row>
    <row r="107" spans="2:6" s="83" customFormat="1" ht="24.95" customHeight="1" x14ac:dyDescent="0.25">
      <c r="B107" s="159" t="s">
        <v>62</v>
      </c>
      <c r="C107" s="160" t="s">
        <v>92</v>
      </c>
      <c r="D107" s="90"/>
      <c r="E107" s="91"/>
      <c r="F107" s="92"/>
    </row>
    <row r="108" spans="2:6" s="83" customFormat="1" ht="24.95" customHeight="1" x14ac:dyDescent="0.25">
      <c r="B108" s="159" t="s">
        <v>63</v>
      </c>
      <c r="C108" s="160" t="s">
        <v>93</v>
      </c>
      <c r="D108" s="90"/>
      <c r="E108" s="91"/>
      <c r="F108" s="92"/>
    </row>
    <row r="109" spans="2:6" s="83" customFormat="1" ht="24.95" customHeight="1" x14ac:dyDescent="0.25">
      <c r="B109" s="159" t="s">
        <v>64</v>
      </c>
      <c r="C109" s="160" t="s">
        <v>94</v>
      </c>
      <c r="D109" s="90"/>
      <c r="E109" s="91"/>
      <c r="F109" s="92"/>
    </row>
    <row r="110" spans="2:6" s="83" customFormat="1" ht="24.95" customHeight="1" x14ac:dyDescent="0.25">
      <c r="B110" s="159" t="s">
        <v>65</v>
      </c>
      <c r="C110" s="160" t="s">
        <v>95</v>
      </c>
      <c r="D110" s="90"/>
      <c r="E110" s="91"/>
      <c r="F110" s="92"/>
    </row>
    <row r="111" spans="2:6" s="83" customFormat="1" ht="24.95" customHeight="1" x14ac:dyDescent="0.25">
      <c r="B111" s="159" t="s">
        <v>66</v>
      </c>
      <c r="C111" s="160" t="s">
        <v>96</v>
      </c>
      <c r="D111" s="90"/>
      <c r="E111" s="91"/>
      <c r="F111" s="92"/>
    </row>
    <row r="112" spans="2:6" s="83" customFormat="1" ht="24.95" customHeight="1" x14ac:dyDescent="0.25">
      <c r="B112" s="159" t="s">
        <v>67</v>
      </c>
      <c r="C112" s="160" t="s">
        <v>97</v>
      </c>
      <c r="D112" s="90"/>
      <c r="E112" s="91"/>
      <c r="F112" s="92"/>
    </row>
    <row r="113" spans="2:6" s="83" customFormat="1" ht="24.95" customHeight="1" thickBot="1" x14ac:dyDescent="0.3">
      <c r="B113" s="161" t="s">
        <v>68</v>
      </c>
      <c r="C113" s="162" t="s">
        <v>98</v>
      </c>
      <c r="D113" s="93"/>
      <c r="E113" s="94"/>
      <c r="F113" s="95"/>
    </row>
    <row r="114" spans="2:6" s="39" customFormat="1" ht="5.0999999999999996" customHeight="1" x14ac:dyDescent="0.25">
      <c r="B114" s="96"/>
      <c r="C114" s="97"/>
      <c r="D114" s="98"/>
      <c r="E114" s="98"/>
      <c r="F114" s="99"/>
    </row>
    <row r="115" spans="2:6" s="23" customFormat="1" ht="20.100000000000001" customHeight="1" x14ac:dyDescent="0.25">
      <c r="B115" s="22" t="s">
        <v>43</v>
      </c>
      <c r="C115" s="22"/>
      <c r="D115" s="22"/>
      <c r="E115" s="22"/>
      <c r="F115" s="22"/>
    </row>
    <row r="116" spans="2:6" s="23" customFormat="1" ht="5.0999999999999996" customHeight="1" thickBot="1" x14ac:dyDescent="0.3">
      <c r="B116" s="42"/>
      <c r="D116" s="64"/>
      <c r="E116" s="64"/>
      <c r="F116" s="64"/>
    </row>
    <row r="117" spans="2:6" s="39" customFormat="1" ht="69" customHeight="1" x14ac:dyDescent="0.25">
      <c r="B117" s="65" t="s">
        <v>8</v>
      </c>
      <c r="C117" s="66"/>
      <c r="D117" s="67" t="s">
        <v>57</v>
      </c>
      <c r="E117" s="68"/>
      <c r="F117" s="69"/>
    </row>
    <row r="118" spans="2:6" s="39" customFormat="1" ht="30" customHeight="1" thickBot="1" x14ac:dyDescent="0.3">
      <c r="B118" s="71"/>
      <c r="C118" s="72"/>
      <c r="D118" s="73" t="s">
        <v>7</v>
      </c>
      <c r="E118" s="100" t="s">
        <v>29</v>
      </c>
      <c r="F118" s="101"/>
    </row>
    <row r="119" spans="2:6" s="39" customFormat="1" ht="30" customHeight="1" x14ac:dyDescent="0.25">
      <c r="B119" s="102" t="s">
        <v>104</v>
      </c>
      <c r="C119" s="103"/>
      <c r="D119" s="103"/>
      <c r="E119" s="103"/>
      <c r="F119" s="104"/>
    </row>
    <row r="120" spans="2:6" s="23" customFormat="1" ht="28.5" customHeight="1" x14ac:dyDescent="0.25">
      <c r="B120" s="163" t="s">
        <v>16</v>
      </c>
      <c r="C120" s="164" t="s">
        <v>253</v>
      </c>
      <c r="D120" s="80"/>
      <c r="E120" s="105"/>
      <c r="F120" s="106"/>
    </row>
    <row r="121" spans="2:6" s="23" customFormat="1" ht="33" customHeight="1" x14ac:dyDescent="0.25">
      <c r="B121" s="165" t="s">
        <v>52</v>
      </c>
      <c r="C121" s="166" t="s">
        <v>319</v>
      </c>
      <c r="D121" s="80"/>
      <c r="E121" s="105"/>
      <c r="F121" s="106"/>
    </row>
    <row r="122" spans="2:6" s="23" customFormat="1" ht="48" customHeight="1" x14ac:dyDescent="0.25">
      <c r="B122" s="167" t="s">
        <v>206</v>
      </c>
      <c r="C122" s="168" t="s">
        <v>318</v>
      </c>
      <c r="D122" s="80"/>
      <c r="E122" s="105"/>
      <c r="F122" s="106"/>
    </row>
    <row r="123" spans="2:6" s="23" customFormat="1" ht="25.5" customHeight="1" x14ac:dyDescent="0.25">
      <c r="B123" s="167" t="s">
        <v>207</v>
      </c>
      <c r="C123" s="168" t="s">
        <v>254</v>
      </c>
      <c r="D123" s="80"/>
      <c r="E123" s="105"/>
      <c r="F123" s="106"/>
    </row>
    <row r="124" spans="2:6" s="23" customFormat="1" ht="27" customHeight="1" x14ac:dyDescent="0.25">
      <c r="B124" s="167" t="s">
        <v>208</v>
      </c>
      <c r="C124" s="168" t="s">
        <v>255</v>
      </c>
      <c r="D124" s="80"/>
      <c r="E124" s="105"/>
      <c r="F124" s="106"/>
    </row>
    <row r="125" spans="2:6" s="23" customFormat="1" ht="60" customHeight="1" x14ac:dyDescent="0.25">
      <c r="B125" s="167" t="s">
        <v>209</v>
      </c>
      <c r="C125" s="168" t="s">
        <v>256</v>
      </c>
      <c r="D125" s="80"/>
      <c r="E125" s="105"/>
      <c r="F125" s="106"/>
    </row>
    <row r="126" spans="2:6" s="23" customFormat="1" ht="46.5" customHeight="1" x14ac:dyDescent="0.25">
      <c r="B126" s="167" t="s">
        <v>210</v>
      </c>
      <c r="C126" s="168" t="s">
        <v>257</v>
      </c>
      <c r="D126" s="80"/>
      <c r="E126" s="105"/>
      <c r="F126" s="106"/>
    </row>
    <row r="127" spans="2:6" s="23" customFormat="1" ht="135.75" customHeight="1" x14ac:dyDescent="0.25">
      <c r="B127" s="169" t="s">
        <v>211</v>
      </c>
      <c r="C127" s="170" t="s">
        <v>258</v>
      </c>
      <c r="D127" s="80"/>
      <c r="E127" s="105"/>
      <c r="F127" s="106"/>
    </row>
    <row r="128" spans="2:6" s="23" customFormat="1" ht="63.75" customHeight="1" x14ac:dyDescent="0.25">
      <c r="B128" s="171" t="s">
        <v>53</v>
      </c>
      <c r="C128" s="172" t="s">
        <v>259</v>
      </c>
      <c r="D128" s="80"/>
      <c r="E128" s="105"/>
      <c r="F128" s="106"/>
    </row>
    <row r="129" spans="2:6" s="23" customFormat="1" ht="102" customHeight="1" x14ac:dyDescent="0.25">
      <c r="B129" s="173" t="s">
        <v>54</v>
      </c>
      <c r="C129" s="174" t="s">
        <v>260</v>
      </c>
      <c r="D129" s="80"/>
      <c r="E129" s="107"/>
      <c r="F129" s="108"/>
    </row>
    <row r="130" spans="2:6" s="23" customFormat="1" ht="77.25" customHeight="1" x14ac:dyDescent="0.25">
      <c r="B130" s="171" t="s">
        <v>62</v>
      </c>
      <c r="C130" s="174" t="s">
        <v>261</v>
      </c>
      <c r="D130" s="80"/>
      <c r="E130" s="105"/>
      <c r="F130" s="106"/>
    </row>
    <row r="131" spans="2:6" s="23" customFormat="1" ht="88.5" customHeight="1" x14ac:dyDescent="0.25">
      <c r="B131" s="171" t="s">
        <v>63</v>
      </c>
      <c r="C131" s="174" t="s">
        <v>262</v>
      </c>
      <c r="D131" s="80"/>
      <c r="E131" s="105"/>
      <c r="F131" s="106"/>
    </row>
    <row r="132" spans="2:6" s="23" customFormat="1" ht="99.75" customHeight="1" x14ac:dyDescent="0.25">
      <c r="B132" s="173" t="s">
        <v>64</v>
      </c>
      <c r="C132" s="174" t="s">
        <v>263</v>
      </c>
      <c r="D132" s="80"/>
      <c r="E132" s="105"/>
      <c r="F132" s="106"/>
    </row>
    <row r="133" spans="2:6" s="23" customFormat="1" ht="97.5" customHeight="1" x14ac:dyDescent="0.25">
      <c r="B133" s="175" t="s">
        <v>65</v>
      </c>
      <c r="C133" s="176" t="s">
        <v>264</v>
      </c>
      <c r="D133" s="80"/>
      <c r="E133" s="105"/>
      <c r="F133" s="106"/>
    </row>
    <row r="134" spans="2:6" s="23" customFormat="1" ht="34.5" customHeight="1" x14ac:dyDescent="0.25">
      <c r="B134" s="177" t="s">
        <v>212</v>
      </c>
      <c r="C134" s="178" t="s">
        <v>265</v>
      </c>
      <c r="D134" s="80"/>
      <c r="E134" s="105"/>
      <c r="F134" s="106"/>
    </row>
    <row r="135" spans="2:6" s="23" customFormat="1" ht="51" customHeight="1" x14ac:dyDescent="0.25">
      <c r="B135" s="177" t="s">
        <v>213</v>
      </c>
      <c r="C135" s="178" t="s">
        <v>266</v>
      </c>
      <c r="D135" s="80"/>
      <c r="E135" s="105"/>
      <c r="F135" s="106"/>
    </row>
    <row r="136" spans="2:6" s="23" customFormat="1" ht="63" customHeight="1" x14ac:dyDescent="0.25">
      <c r="B136" s="177" t="s">
        <v>214</v>
      </c>
      <c r="C136" s="178" t="s">
        <v>267</v>
      </c>
      <c r="D136" s="80"/>
      <c r="E136" s="105"/>
      <c r="F136" s="106"/>
    </row>
    <row r="137" spans="2:6" s="23" customFormat="1" ht="46.5" customHeight="1" x14ac:dyDescent="0.25">
      <c r="B137" s="177" t="s">
        <v>215</v>
      </c>
      <c r="C137" s="178" t="s">
        <v>268</v>
      </c>
      <c r="D137" s="80"/>
      <c r="E137" s="105"/>
      <c r="F137" s="106"/>
    </row>
    <row r="138" spans="2:6" s="23" customFormat="1" ht="36" customHeight="1" x14ac:dyDescent="0.25">
      <c r="B138" s="177" t="s">
        <v>216</v>
      </c>
      <c r="C138" s="178" t="s">
        <v>269</v>
      </c>
      <c r="D138" s="80"/>
      <c r="E138" s="105"/>
      <c r="F138" s="106"/>
    </row>
    <row r="139" spans="2:6" s="23" customFormat="1" ht="63.75" x14ac:dyDescent="0.25">
      <c r="B139" s="177" t="s">
        <v>217</v>
      </c>
      <c r="C139" s="178" t="s">
        <v>270</v>
      </c>
      <c r="D139" s="80"/>
      <c r="E139" s="105"/>
      <c r="F139" s="106"/>
    </row>
    <row r="140" spans="2:6" s="23" customFormat="1" ht="33" customHeight="1" x14ac:dyDescent="0.25">
      <c r="B140" s="177" t="s">
        <v>218</v>
      </c>
      <c r="C140" s="178" t="s">
        <v>271</v>
      </c>
      <c r="D140" s="80"/>
      <c r="E140" s="105"/>
      <c r="F140" s="106"/>
    </row>
    <row r="141" spans="2:6" s="23" customFormat="1" ht="32.25" customHeight="1" x14ac:dyDescent="0.25">
      <c r="B141" s="177" t="s">
        <v>219</v>
      </c>
      <c r="C141" s="178" t="s">
        <v>272</v>
      </c>
      <c r="D141" s="80"/>
      <c r="E141" s="105"/>
      <c r="F141" s="106"/>
    </row>
    <row r="142" spans="2:6" s="23" customFormat="1" ht="44.25" customHeight="1" x14ac:dyDescent="0.25">
      <c r="B142" s="177" t="s">
        <v>220</v>
      </c>
      <c r="C142" s="178" t="s">
        <v>273</v>
      </c>
      <c r="D142" s="80"/>
      <c r="E142" s="105"/>
      <c r="F142" s="106"/>
    </row>
    <row r="143" spans="2:6" s="23" customFormat="1" ht="58.5" customHeight="1" x14ac:dyDescent="0.25">
      <c r="B143" s="179" t="s">
        <v>221</v>
      </c>
      <c r="C143" s="180" t="s">
        <v>274</v>
      </c>
      <c r="D143" s="80"/>
      <c r="E143" s="105"/>
      <c r="F143" s="106"/>
    </row>
    <row r="144" spans="2:6" s="23" customFormat="1" ht="59.25" customHeight="1" x14ac:dyDescent="0.25">
      <c r="B144" s="165" t="s">
        <v>66</v>
      </c>
      <c r="C144" s="166" t="s">
        <v>275</v>
      </c>
      <c r="D144" s="80"/>
      <c r="E144" s="105"/>
      <c r="F144" s="106"/>
    </row>
    <row r="145" spans="2:6" s="23" customFormat="1" ht="84" customHeight="1" x14ac:dyDescent="0.25">
      <c r="B145" s="169" t="s">
        <v>222</v>
      </c>
      <c r="C145" s="170" t="s">
        <v>276</v>
      </c>
      <c r="D145" s="80"/>
      <c r="E145" s="105"/>
      <c r="F145" s="106"/>
    </row>
    <row r="146" spans="2:6" s="23" customFormat="1" ht="30.75" customHeight="1" x14ac:dyDescent="0.25">
      <c r="B146" s="175" t="s">
        <v>67</v>
      </c>
      <c r="C146" s="166" t="s">
        <v>277</v>
      </c>
      <c r="D146" s="80"/>
      <c r="E146" s="105"/>
      <c r="F146" s="106"/>
    </row>
    <row r="147" spans="2:6" s="23" customFormat="1" ht="34.5" customHeight="1" x14ac:dyDescent="0.25">
      <c r="B147" s="177" t="s">
        <v>223</v>
      </c>
      <c r="C147" s="168" t="s">
        <v>278</v>
      </c>
      <c r="D147" s="80"/>
      <c r="E147" s="105"/>
      <c r="F147" s="106"/>
    </row>
    <row r="148" spans="2:6" s="23" customFormat="1" ht="69.75" customHeight="1" x14ac:dyDescent="0.25">
      <c r="B148" s="179" t="s">
        <v>224</v>
      </c>
      <c r="C148" s="170" t="s">
        <v>320</v>
      </c>
      <c r="D148" s="80"/>
      <c r="E148" s="105"/>
      <c r="F148" s="106"/>
    </row>
    <row r="149" spans="2:6" s="23" customFormat="1" ht="69.75" customHeight="1" x14ac:dyDescent="0.25">
      <c r="B149" s="175" t="s">
        <v>68</v>
      </c>
      <c r="C149" s="166" t="s">
        <v>279</v>
      </c>
      <c r="D149" s="80"/>
      <c r="E149" s="105"/>
      <c r="F149" s="106"/>
    </row>
    <row r="150" spans="2:6" s="23" customFormat="1" ht="69.75" customHeight="1" x14ac:dyDescent="0.25">
      <c r="B150" s="177" t="s">
        <v>225</v>
      </c>
      <c r="C150" s="168" t="s">
        <v>280</v>
      </c>
      <c r="D150" s="80"/>
      <c r="E150" s="105"/>
      <c r="F150" s="106"/>
    </row>
    <row r="151" spans="2:6" s="23" customFormat="1" ht="47.25" customHeight="1" x14ac:dyDescent="0.25">
      <c r="B151" s="179" t="s">
        <v>226</v>
      </c>
      <c r="C151" s="170" t="s">
        <v>281</v>
      </c>
      <c r="D151" s="80"/>
      <c r="E151" s="105"/>
      <c r="F151" s="106"/>
    </row>
    <row r="152" spans="2:6" s="23" customFormat="1" ht="125.25" customHeight="1" x14ac:dyDescent="0.25">
      <c r="B152" s="173" t="s">
        <v>69</v>
      </c>
      <c r="C152" s="174" t="s">
        <v>282</v>
      </c>
      <c r="D152" s="80"/>
      <c r="E152" s="105"/>
      <c r="F152" s="106"/>
    </row>
    <row r="153" spans="2:6" s="23" customFormat="1" ht="114.75" customHeight="1" x14ac:dyDescent="0.25">
      <c r="B153" s="173" t="s">
        <v>70</v>
      </c>
      <c r="C153" s="174" t="s">
        <v>283</v>
      </c>
      <c r="D153" s="80"/>
      <c r="E153" s="105"/>
      <c r="F153" s="106"/>
    </row>
    <row r="154" spans="2:6" s="23" customFormat="1" ht="76.5" customHeight="1" x14ac:dyDescent="0.25">
      <c r="B154" s="173" t="s">
        <v>71</v>
      </c>
      <c r="C154" s="174" t="s">
        <v>284</v>
      </c>
      <c r="D154" s="80"/>
      <c r="E154" s="105"/>
      <c r="F154" s="106"/>
    </row>
    <row r="155" spans="2:6" s="23" customFormat="1" ht="49.5" customHeight="1" x14ac:dyDescent="0.25">
      <c r="B155" s="173" t="s">
        <v>72</v>
      </c>
      <c r="C155" s="174" t="s">
        <v>321</v>
      </c>
      <c r="D155" s="80"/>
      <c r="E155" s="105"/>
      <c r="F155" s="106"/>
    </row>
    <row r="156" spans="2:6" s="23" customFormat="1" ht="73.5" customHeight="1" x14ac:dyDescent="0.25">
      <c r="B156" s="173" t="s">
        <v>73</v>
      </c>
      <c r="C156" s="174" t="s">
        <v>285</v>
      </c>
      <c r="D156" s="80"/>
      <c r="E156" s="105"/>
      <c r="F156" s="106"/>
    </row>
    <row r="157" spans="2:6" s="23" customFormat="1" ht="42.75" customHeight="1" x14ac:dyDescent="0.25">
      <c r="B157" s="173" t="s">
        <v>74</v>
      </c>
      <c r="C157" s="174" t="s">
        <v>286</v>
      </c>
      <c r="D157" s="80"/>
      <c r="E157" s="105"/>
      <c r="F157" s="106"/>
    </row>
    <row r="158" spans="2:6" s="23" customFormat="1" ht="31.5" customHeight="1" x14ac:dyDescent="0.25">
      <c r="B158" s="175" t="s">
        <v>75</v>
      </c>
      <c r="C158" s="176" t="s">
        <v>287</v>
      </c>
      <c r="D158" s="80"/>
      <c r="E158" s="105"/>
      <c r="F158" s="106"/>
    </row>
    <row r="159" spans="2:6" s="23" customFormat="1" ht="34.5" customHeight="1" x14ac:dyDescent="0.25">
      <c r="B159" s="177" t="s">
        <v>227</v>
      </c>
      <c r="C159" s="178" t="s">
        <v>288</v>
      </c>
      <c r="D159" s="80"/>
      <c r="E159" s="105"/>
      <c r="F159" s="106"/>
    </row>
    <row r="160" spans="2:6" s="23" customFormat="1" ht="63.75" x14ac:dyDescent="0.25">
      <c r="B160" s="179" t="s">
        <v>228</v>
      </c>
      <c r="C160" s="180" t="s">
        <v>289</v>
      </c>
      <c r="D160" s="80"/>
      <c r="E160" s="105"/>
      <c r="F160" s="106"/>
    </row>
    <row r="161" spans="2:6" s="23" customFormat="1" ht="60.75" customHeight="1" x14ac:dyDescent="0.25">
      <c r="B161" s="173" t="s">
        <v>76</v>
      </c>
      <c r="C161" s="174" t="s">
        <v>290</v>
      </c>
      <c r="D161" s="80"/>
      <c r="E161" s="105"/>
      <c r="F161" s="106"/>
    </row>
    <row r="162" spans="2:6" s="23" customFormat="1" ht="30.75" customHeight="1" x14ac:dyDescent="0.25">
      <c r="B162" s="173" t="s">
        <v>77</v>
      </c>
      <c r="C162" s="174" t="s">
        <v>291</v>
      </c>
      <c r="D162" s="80"/>
      <c r="E162" s="105"/>
      <c r="F162" s="106"/>
    </row>
    <row r="163" spans="2:6" s="23" customFormat="1" ht="27" customHeight="1" x14ac:dyDescent="0.25">
      <c r="B163" s="173" t="s">
        <v>78</v>
      </c>
      <c r="C163" s="174" t="s">
        <v>292</v>
      </c>
      <c r="D163" s="80"/>
      <c r="E163" s="105"/>
      <c r="F163" s="106"/>
    </row>
    <row r="164" spans="2:6" s="23" customFormat="1" ht="48.75" customHeight="1" x14ac:dyDescent="0.25">
      <c r="B164" s="173" t="s">
        <v>229</v>
      </c>
      <c r="C164" s="174" t="s">
        <v>293</v>
      </c>
      <c r="D164" s="80"/>
      <c r="E164" s="105"/>
      <c r="F164" s="106"/>
    </row>
    <row r="165" spans="2:6" s="23" customFormat="1" ht="63.75" customHeight="1" x14ac:dyDescent="0.25">
      <c r="B165" s="173" t="s">
        <v>230</v>
      </c>
      <c r="C165" s="174" t="s">
        <v>294</v>
      </c>
      <c r="D165" s="80"/>
      <c r="E165" s="105"/>
      <c r="F165" s="106"/>
    </row>
    <row r="166" spans="2:6" s="23" customFormat="1" ht="84.75" customHeight="1" x14ac:dyDescent="0.25">
      <c r="B166" s="173" t="s">
        <v>231</v>
      </c>
      <c r="C166" s="174" t="s">
        <v>295</v>
      </c>
      <c r="D166" s="80"/>
      <c r="E166" s="105"/>
      <c r="F166" s="106"/>
    </row>
    <row r="167" spans="2:6" s="23" customFormat="1" ht="33" customHeight="1" x14ac:dyDescent="0.25">
      <c r="B167" s="173" t="s">
        <v>232</v>
      </c>
      <c r="C167" s="174" t="s">
        <v>296</v>
      </c>
      <c r="D167" s="80"/>
      <c r="E167" s="105"/>
      <c r="F167" s="106"/>
    </row>
    <row r="168" spans="2:6" s="23" customFormat="1" ht="47.25" customHeight="1" x14ac:dyDescent="0.25">
      <c r="B168" s="173" t="s">
        <v>233</v>
      </c>
      <c r="C168" s="174" t="s">
        <v>297</v>
      </c>
      <c r="D168" s="80"/>
      <c r="E168" s="105"/>
      <c r="F168" s="106"/>
    </row>
    <row r="169" spans="2:6" s="23" customFormat="1" ht="51.75" customHeight="1" x14ac:dyDescent="0.25">
      <c r="B169" s="173" t="s">
        <v>234</v>
      </c>
      <c r="C169" s="174" t="s">
        <v>298</v>
      </c>
      <c r="D169" s="80"/>
      <c r="E169" s="105"/>
      <c r="F169" s="106"/>
    </row>
    <row r="170" spans="2:6" s="23" customFormat="1" ht="30.75" customHeight="1" x14ac:dyDescent="0.25">
      <c r="B170" s="175" t="s">
        <v>235</v>
      </c>
      <c r="C170" s="176" t="s">
        <v>299</v>
      </c>
      <c r="D170" s="80"/>
      <c r="E170" s="105"/>
      <c r="F170" s="106"/>
    </row>
    <row r="171" spans="2:6" s="23" customFormat="1" ht="78" customHeight="1" x14ac:dyDescent="0.25">
      <c r="B171" s="177" t="s">
        <v>316</v>
      </c>
      <c r="C171" s="178" t="s">
        <v>300</v>
      </c>
      <c r="D171" s="80"/>
      <c r="E171" s="105"/>
      <c r="F171" s="106"/>
    </row>
    <row r="172" spans="2:6" s="23" customFormat="1" ht="48.75" customHeight="1" x14ac:dyDescent="0.25">
      <c r="B172" s="179" t="s">
        <v>317</v>
      </c>
      <c r="C172" s="180" t="s">
        <v>301</v>
      </c>
      <c r="D172" s="80"/>
      <c r="E172" s="105"/>
      <c r="F172" s="106"/>
    </row>
    <row r="173" spans="2:6" s="23" customFormat="1" ht="53.25" customHeight="1" x14ac:dyDescent="0.25">
      <c r="B173" s="173" t="s">
        <v>236</v>
      </c>
      <c r="C173" s="174" t="s">
        <v>302</v>
      </c>
      <c r="D173" s="80"/>
      <c r="E173" s="105"/>
      <c r="F173" s="106"/>
    </row>
    <row r="174" spans="2:6" s="23" customFormat="1" ht="48" customHeight="1" x14ac:dyDescent="0.25">
      <c r="B174" s="173" t="s">
        <v>237</v>
      </c>
      <c r="C174" s="174" t="s">
        <v>303</v>
      </c>
      <c r="D174" s="80"/>
      <c r="E174" s="105"/>
      <c r="F174" s="106"/>
    </row>
    <row r="175" spans="2:6" s="23" customFormat="1" ht="69" customHeight="1" x14ac:dyDescent="0.25">
      <c r="B175" s="173" t="s">
        <v>238</v>
      </c>
      <c r="C175" s="174" t="s">
        <v>304</v>
      </c>
      <c r="D175" s="80"/>
      <c r="E175" s="105"/>
      <c r="F175" s="106"/>
    </row>
    <row r="176" spans="2:6" s="23" customFormat="1" ht="73.5" customHeight="1" x14ac:dyDescent="0.25">
      <c r="B176" s="173" t="s">
        <v>239</v>
      </c>
      <c r="C176" s="174" t="s">
        <v>322</v>
      </c>
      <c r="D176" s="80"/>
      <c r="E176" s="105"/>
      <c r="F176" s="106"/>
    </row>
    <row r="177" spans="2:7" s="23" customFormat="1" ht="89.25" x14ac:dyDescent="0.25">
      <c r="B177" s="173" t="s">
        <v>240</v>
      </c>
      <c r="C177" s="174" t="s">
        <v>305</v>
      </c>
      <c r="D177" s="80"/>
      <c r="E177" s="105"/>
      <c r="F177" s="106"/>
    </row>
    <row r="178" spans="2:7" s="23" customFormat="1" ht="38.25" x14ac:dyDescent="0.25">
      <c r="B178" s="173" t="s">
        <v>241</v>
      </c>
      <c r="C178" s="174" t="s">
        <v>323</v>
      </c>
      <c r="D178" s="80"/>
      <c r="E178" s="105"/>
      <c r="F178" s="106"/>
    </row>
    <row r="179" spans="2:7" s="23" customFormat="1" ht="123" customHeight="1" x14ac:dyDescent="0.25">
      <c r="B179" s="173" t="s">
        <v>242</v>
      </c>
      <c r="C179" s="174" t="s">
        <v>306</v>
      </c>
      <c r="D179" s="80"/>
      <c r="E179" s="105"/>
      <c r="F179" s="106"/>
    </row>
    <row r="180" spans="2:7" s="23" customFormat="1" ht="112.5" customHeight="1" x14ac:dyDescent="0.25">
      <c r="B180" s="173" t="s">
        <v>243</v>
      </c>
      <c r="C180" s="174" t="s">
        <v>307</v>
      </c>
      <c r="D180" s="80"/>
      <c r="E180" s="105"/>
      <c r="F180" s="106"/>
    </row>
    <row r="181" spans="2:7" s="23" customFormat="1" ht="60" customHeight="1" x14ac:dyDescent="0.25">
      <c r="B181" s="173" t="s">
        <v>244</v>
      </c>
      <c r="C181" s="174" t="s">
        <v>308</v>
      </c>
      <c r="D181" s="80"/>
      <c r="E181" s="105"/>
      <c r="F181" s="106"/>
    </row>
    <row r="182" spans="2:7" s="23" customFormat="1" ht="114.75" x14ac:dyDescent="0.25">
      <c r="B182" s="173" t="s">
        <v>245</v>
      </c>
      <c r="C182" s="174" t="s">
        <v>324</v>
      </c>
      <c r="D182" s="80"/>
      <c r="E182" s="105"/>
      <c r="F182" s="106"/>
    </row>
    <row r="183" spans="2:7" s="23" customFormat="1" ht="102" x14ac:dyDescent="0.25">
      <c r="B183" s="173" t="s">
        <v>246</v>
      </c>
      <c r="C183" s="174" t="s">
        <v>309</v>
      </c>
      <c r="D183" s="80"/>
      <c r="E183" s="105"/>
      <c r="F183" s="106"/>
    </row>
    <row r="184" spans="2:7" s="23" customFormat="1" ht="86.25" customHeight="1" x14ac:dyDescent="0.25">
      <c r="B184" s="173" t="s">
        <v>247</v>
      </c>
      <c r="C184" s="174" t="s">
        <v>310</v>
      </c>
      <c r="D184" s="80"/>
      <c r="E184" s="105"/>
      <c r="F184" s="106"/>
    </row>
    <row r="185" spans="2:7" s="23" customFormat="1" ht="199.5" customHeight="1" x14ac:dyDescent="0.25">
      <c r="B185" s="173" t="s">
        <v>248</v>
      </c>
      <c r="C185" s="174" t="s">
        <v>311</v>
      </c>
      <c r="D185" s="80"/>
      <c r="E185" s="105"/>
      <c r="F185" s="106"/>
    </row>
    <row r="186" spans="2:7" s="23" customFormat="1" ht="97.5" customHeight="1" x14ac:dyDescent="0.25">
      <c r="B186" s="173" t="s">
        <v>249</v>
      </c>
      <c r="C186" s="174" t="s">
        <v>312</v>
      </c>
      <c r="D186" s="80"/>
      <c r="E186" s="105"/>
      <c r="F186" s="106"/>
    </row>
    <row r="187" spans="2:7" s="23" customFormat="1" ht="124.5" customHeight="1" x14ac:dyDescent="0.25">
      <c r="B187" s="173" t="s">
        <v>250</v>
      </c>
      <c r="C187" s="174" t="s">
        <v>313</v>
      </c>
      <c r="D187" s="80"/>
      <c r="E187" s="105"/>
      <c r="F187" s="106"/>
    </row>
    <row r="188" spans="2:7" s="23" customFormat="1" ht="60.75" customHeight="1" x14ac:dyDescent="0.25">
      <c r="B188" s="173" t="s">
        <v>251</v>
      </c>
      <c r="C188" s="181" t="s">
        <v>314</v>
      </c>
      <c r="D188" s="80"/>
      <c r="E188" s="105"/>
      <c r="F188" s="106"/>
    </row>
    <row r="189" spans="2:7" s="23" customFormat="1" ht="48" customHeight="1" thickBot="1" x14ac:dyDescent="0.3">
      <c r="B189" s="182" t="s">
        <v>252</v>
      </c>
      <c r="C189" s="183" t="s">
        <v>315</v>
      </c>
      <c r="D189" s="109"/>
      <c r="E189" s="110"/>
      <c r="F189" s="111"/>
    </row>
    <row r="190" spans="2:7" s="39" customFormat="1" ht="5.0999999999999996" customHeight="1" x14ac:dyDescent="0.25">
      <c r="B190" s="97"/>
      <c r="C190" s="97"/>
      <c r="D190" s="98"/>
      <c r="E190" s="98"/>
      <c r="F190" s="99"/>
      <c r="G190" s="23"/>
    </row>
    <row r="191" spans="2:7" s="23" customFormat="1" ht="20.100000000000001" customHeight="1" x14ac:dyDescent="0.25">
      <c r="B191" s="22" t="s">
        <v>48</v>
      </c>
      <c r="C191" s="22"/>
      <c r="D191" s="22"/>
      <c r="E191" s="22"/>
      <c r="F191" s="22"/>
    </row>
    <row r="192" spans="2:7" s="23" customFormat="1" ht="4.5" customHeight="1" thickBot="1" x14ac:dyDescent="0.3"/>
    <row r="193" spans="2:7" s="23" customFormat="1" ht="80.25" customHeight="1" x14ac:dyDescent="0.25">
      <c r="B193" s="112" t="s">
        <v>49</v>
      </c>
      <c r="C193" s="113"/>
      <c r="D193" s="114" t="s">
        <v>50</v>
      </c>
      <c r="E193" s="115"/>
      <c r="F193" s="116"/>
    </row>
    <row r="194" spans="2:7" s="39" customFormat="1" ht="29.25" customHeight="1" thickBot="1" x14ac:dyDescent="0.3">
      <c r="B194" s="117"/>
      <c r="C194" s="118"/>
      <c r="D194" s="119" t="s">
        <v>7</v>
      </c>
      <c r="E194" s="120" t="s">
        <v>29</v>
      </c>
      <c r="F194" s="121"/>
      <c r="G194" s="23"/>
    </row>
    <row r="195" spans="2:7" s="39" customFormat="1" ht="172.5" customHeight="1" x14ac:dyDescent="0.25">
      <c r="B195" s="184" t="s">
        <v>16</v>
      </c>
      <c r="C195" s="185" t="s">
        <v>205</v>
      </c>
      <c r="D195" s="122"/>
      <c r="E195" s="123"/>
      <c r="F195" s="124"/>
      <c r="G195" s="23"/>
    </row>
    <row r="196" spans="2:7" s="39" customFormat="1" ht="31.5" customHeight="1" x14ac:dyDescent="0.25">
      <c r="B196" s="171" t="s">
        <v>52</v>
      </c>
      <c r="C196" s="186" t="s">
        <v>80</v>
      </c>
      <c r="D196" s="125"/>
      <c r="E196" s="126"/>
      <c r="F196" s="127"/>
      <c r="G196" s="23"/>
    </row>
    <row r="197" spans="2:7" s="39" customFormat="1" ht="27" customHeight="1" x14ac:dyDescent="0.25">
      <c r="B197" s="171" t="s">
        <v>53</v>
      </c>
      <c r="C197" s="187" t="s">
        <v>51</v>
      </c>
      <c r="D197" s="125"/>
      <c r="E197" s="126"/>
      <c r="F197" s="127"/>
      <c r="G197" s="23"/>
    </row>
    <row r="198" spans="2:7" s="39" customFormat="1" ht="42" customHeight="1" x14ac:dyDescent="0.25">
      <c r="B198" s="188" t="s">
        <v>54</v>
      </c>
      <c r="C198" s="189" t="s">
        <v>79</v>
      </c>
      <c r="D198" s="128"/>
      <c r="E198" s="107"/>
      <c r="F198" s="108"/>
      <c r="G198" s="23"/>
    </row>
    <row r="199" spans="2:7" s="39" customFormat="1" ht="85.5" customHeight="1" x14ac:dyDescent="0.25">
      <c r="B199" s="190" t="s">
        <v>62</v>
      </c>
      <c r="C199" s="160" t="s">
        <v>202</v>
      </c>
      <c r="D199" s="125"/>
      <c r="E199" s="126"/>
      <c r="F199" s="127"/>
      <c r="G199" s="23"/>
    </row>
    <row r="200" spans="2:7" s="39" customFormat="1" ht="39.950000000000003" customHeight="1" x14ac:dyDescent="0.25">
      <c r="B200" s="190" t="s">
        <v>63</v>
      </c>
      <c r="C200" s="160" t="s">
        <v>99</v>
      </c>
      <c r="D200" s="125"/>
      <c r="E200" s="126"/>
      <c r="F200" s="127"/>
      <c r="G200" s="23"/>
    </row>
    <row r="201" spans="2:7" s="39" customFormat="1" ht="39.950000000000003" customHeight="1" thickBot="1" x14ac:dyDescent="0.3">
      <c r="B201" s="191" t="s">
        <v>64</v>
      </c>
      <c r="C201" s="192" t="s">
        <v>100</v>
      </c>
      <c r="D201" s="129"/>
      <c r="E201" s="130"/>
      <c r="F201" s="131"/>
      <c r="G201" s="23"/>
    </row>
    <row r="202" spans="2:7" s="23" customFormat="1" ht="5.0999999999999996" customHeight="1" x14ac:dyDescent="0.25">
      <c r="B202" s="97"/>
      <c r="C202" s="97"/>
      <c r="D202" s="98"/>
      <c r="E202" s="98"/>
      <c r="F202" s="99"/>
    </row>
    <row r="203" spans="2:7" s="23" customFormat="1" ht="20.100000000000001" customHeight="1" x14ac:dyDescent="0.25">
      <c r="B203" s="22" t="s">
        <v>15</v>
      </c>
      <c r="C203" s="22"/>
      <c r="D203" s="22"/>
      <c r="E203" s="22"/>
      <c r="F203" s="22"/>
    </row>
    <row r="204" spans="2:7" s="39" customFormat="1" ht="24.75" customHeight="1" x14ac:dyDescent="0.25">
      <c r="B204" s="97" t="s">
        <v>17</v>
      </c>
      <c r="C204" s="132" t="s">
        <v>81</v>
      </c>
      <c r="D204" s="132"/>
      <c r="E204" s="132"/>
      <c r="F204" s="132"/>
      <c r="G204" s="23"/>
    </row>
    <row r="205" spans="2:7" s="39" customFormat="1" ht="23.25" customHeight="1" x14ac:dyDescent="0.25">
      <c r="B205" s="97" t="s">
        <v>203</v>
      </c>
      <c r="C205" s="132" t="s">
        <v>204</v>
      </c>
      <c r="D205" s="132"/>
      <c r="E205" s="132"/>
      <c r="F205" s="132"/>
      <c r="G205" s="23"/>
    </row>
    <row r="206" spans="2:7" s="134" customFormat="1" ht="30" customHeight="1" x14ac:dyDescent="0.25">
      <c r="B206" s="133" t="s">
        <v>30</v>
      </c>
      <c r="C206" s="133"/>
      <c r="D206" s="133"/>
      <c r="E206" s="133"/>
      <c r="F206" s="39"/>
      <c r="G206" s="23"/>
    </row>
    <row r="207" spans="2:7" s="23" customFormat="1" ht="24.95" customHeight="1" x14ac:dyDescent="0.25">
      <c r="B207" s="135" t="s">
        <v>31</v>
      </c>
      <c r="C207" s="136"/>
      <c r="D207" s="136"/>
      <c r="F207" s="134"/>
    </row>
    <row r="208" spans="2:7" s="23" customFormat="1" ht="24.95" customHeight="1" x14ac:dyDescent="0.25">
      <c r="B208" s="135" t="s">
        <v>32</v>
      </c>
      <c r="C208" s="136"/>
      <c r="D208" s="136"/>
      <c r="F208" s="134"/>
    </row>
    <row r="209" spans="1:15" s="23" customFormat="1" ht="24.95" customHeight="1" x14ac:dyDescent="0.25">
      <c r="B209" s="135" t="s">
        <v>33</v>
      </c>
      <c r="C209" s="136"/>
      <c r="D209" s="136"/>
      <c r="F209" s="134"/>
    </row>
    <row r="210" spans="1:15" s="39" customFormat="1" ht="24.95" customHeight="1" x14ac:dyDescent="0.25">
      <c r="B210" s="135" t="s">
        <v>34</v>
      </c>
      <c r="C210" s="136"/>
      <c r="D210" s="136"/>
      <c r="E210" s="23"/>
      <c r="F210" s="137"/>
      <c r="G210" s="23"/>
    </row>
    <row r="211" spans="1:15" s="23" customFormat="1" ht="14.25" customHeight="1" x14ac:dyDescent="0.2">
      <c r="B211" s="138"/>
      <c r="C211" s="1"/>
      <c r="D211" s="1"/>
      <c r="F211" s="139"/>
    </row>
    <row r="212" spans="1:15" s="39" customFormat="1" ht="15" customHeight="1" x14ac:dyDescent="0.25">
      <c r="B212" s="140" t="s">
        <v>35</v>
      </c>
      <c r="C212" s="140"/>
      <c r="D212" s="140"/>
      <c r="E212" s="140"/>
      <c r="F212" s="140"/>
    </row>
    <row r="213" spans="1:15" s="23" customFormat="1" ht="36.75" customHeight="1" x14ac:dyDescent="0.25">
      <c r="B213" s="141" t="s">
        <v>101</v>
      </c>
      <c r="C213" s="141"/>
      <c r="D213" s="141"/>
      <c r="E213" s="141"/>
      <c r="F213" s="141"/>
    </row>
    <row r="214" spans="1:15" s="23" customFormat="1" ht="20.100000000000001" customHeight="1" x14ac:dyDescent="0.2">
      <c r="B214" s="14"/>
      <c r="C214" s="14"/>
      <c r="D214" s="41"/>
      <c r="E214" s="41"/>
    </row>
    <row r="215" spans="1:15" s="39" customFormat="1" ht="4.5" customHeight="1" x14ac:dyDescent="0.2">
      <c r="B215" s="14"/>
      <c r="C215" s="14"/>
      <c r="D215" s="41"/>
      <c r="E215" s="41"/>
      <c r="F215" s="23"/>
    </row>
    <row r="216" spans="1:15" s="39" customFormat="1" ht="20.100000000000001" customHeight="1" x14ac:dyDescent="0.25">
      <c r="B216" s="142" t="s">
        <v>36</v>
      </c>
      <c r="C216" s="143"/>
      <c r="D216" s="144" t="s">
        <v>37</v>
      </c>
      <c r="E216" s="145"/>
      <c r="F216" s="145"/>
    </row>
    <row r="217" spans="1:15" s="39" customFormat="1" ht="20.100000000000001" customHeight="1" x14ac:dyDescent="0.25">
      <c r="B217" s="146"/>
      <c r="C217" s="146"/>
      <c r="D217" s="146"/>
      <c r="E217" s="147"/>
      <c r="F217" s="147"/>
    </row>
    <row r="218" spans="1:15" ht="20.100000000000001" customHeight="1" x14ac:dyDescent="0.2">
      <c r="B218" s="142" t="s">
        <v>38</v>
      </c>
      <c r="C218" s="143"/>
      <c r="D218" s="148" t="s">
        <v>39</v>
      </c>
      <c r="E218" s="149"/>
      <c r="F218" s="149"/>
    </row>
    <row r="219" spans="1:15" s="23" customFormat="1" ht="20.100000000000001" customHeight="1" x14ac:dyDescent="0.2">
      <c r="B219" s="14"/>
      <c r="C219" s="14"/>
      <c r="D219" s="148" t="s">
        <v>40</v>
      </c>
      <c r="E219" s="136"/>
      <c r="F219" s="136"/>
    </row>
    <row r="220" spans="1:15" s="23" customFormat="1" ht="20.100000000000001" customHeight="1" x14ac:dyDescent="0.2">
      <c r="B220" s="14"/>
      <c r="C220" s="14"/>
      <c r="D220" s="150" t="s">
        <v>41</v>
      </c>
      <c r="E220" s="14"/>
    </row>
    <row r="221" spans="1:15" s="1" customFormat="1" ht="12" x14ac:dyDescent="0.2">
      <c r="A221" s="12" t="s">
        <v>60</v>
      </c>
      <c r="B221" s="12"/>
      <c r="D221" s="2"/>
      <c r="E221" s="2"/>
      <c r="F221" s="3"/>
      <c r="G221" s="3"/>
      <c r="H221" s="3"/>
      <c r="I221" s="3"/>
      <c r="J221" s="3"/>
      <c r="K221" s="3"/>
      <c r="L221" s="3"/>
      <c r="M221" s="4"/>
      <c r="O221" s="4"/>
    </row>
    <row r="222" spans="1:15" s="11" customFormat="1" ht="15" x14ac:dyDescent="0.25">
      <c r="A222" s="5"/>
      <c r="B222" s="6" t="s">
        <v>61</v>
      </c>
      <c r="C222" s="7"/>
      <c r="D222" s="8"/>
      <c r="E222" s="8"/>
      <c r="F222" s="9"/>
      <c r="G222" s="9"/>
      <c r="H222" s="9"/>
      <c r="I222" s="9"/>
      <c r="J222" s="9"/>
      <c r="K222" s="9"/>
      <c r="L222" s="9"/>
      <c r="M222" s="10"/>
      <c r="O222" s="10"/>
    </row>
    <row r="223" spans="1:15" s="23" customFormat="1" ht="24" customHeight="1" x14ac:dyDescent="0.25"/>
    <row r="224" spans="1:15" s="23" customFormat="1" ht="24" customHeight="1" x14ac:dyDescent="0.25"/>
    <row r="225" spans="2:5" s="23" customFormat="1" ht="24" customHeight="1" x14ac:dyDescent="0.25"/>
    <row r="226" spans="2:5" s="23" customFormat="1" ht="20.100000000000001" customHeight="1" x14ac:dyDescent="0.25"/>
    <row r="227" spans="2:5" s="23" customFormat="1" ht="20.100000000000001" customHeight="1" x14ac:dyDescent="0.25"/>
    <row r="228" spans="2:5" s="23" customFormat="1" ht="50.1" customHeight="1" x14ac:dyDescent="0.25"/>
    <row r="229" spans="2:5" s="23" customFormat="1" ht="43.5" customHeight="1" x14ac:dyDescent="0.25"/>
    <row r="230" spans="2:5" ht="24.75" customHeight="1" x14ac:dyDescent="0.2">
      <c r="B230" s="23"/>
      <c r="C230" s="23"/>
      <c r="D230" s="23"/>
      <c r="E230" s="23"/>
    </row>
    <row r="231" spans="2:5" x14ac:dyDescent="0.2">
      <c r="B231" s="23"/>
      <c r="C231" s="23"/>
      <c r="D231" s="23"/>
      <c r="E231" s="23"/>
    </row>
    <row r="232" spans="2:5" ht="20.100000000000001" customHeight="1" x14ac:dyDescent="0.2"/>
    <row r="233" spans="2:5" ht="4.5" customHeight="1" x14ac:dyDescent="0.2"/>
    <row r="234" spans="2:5" ht="20.100000000000001" customHeight="1" x14ac:dyDescent="0.2"/>
    <row r="235" spans="2:5" ht="20.100000000000001" customHeight="1" x14ac:dyDescent="0.2"/>
    <row r="236" spans="2:5" ht="20.100000000000001" customHeight="1" x14ac:dyDescent="0.2"/>
  </sheetData>
  <sheetProtection algorithmName="SHA-512" hashValue="kYJqgm6hZCn9EsnGBnwqYOReMwD2/KsH8wOrnjnzMVQltz4B9Tmh7yCBKL2GwIgEfdYZYBZ92F9kQY9gWCtkwg==" saltValue="c+NXD2wRnU9Z0Yx/eBimMQ==" spinCount="100000" sheet="1" formatCells="0" formatColumns="0" formatRows="0" insertColumns="0" insertRows="0" insertHyperlinks="0" deleteColumns="0" deleteRows="0" selectLockedCells="1" sort="0" autoFilter="0" pivotTables="0"/>
  <mergeCells count="201">
    <mergeCell ref="E67:F67"/>
    <mergeCell ref="E68:F68"/>
    <mergeCell ref="E69:F69"/>
    <mergeCell ref="E70:F70"/>
    <mergeCell ref="E71:F71"/>
    <mergeCell ref="E72:F72"/>
    <mergeCell ref="E82:F82"/>
    <mergeCell ref="E83:F83"/>
    <mergeCell ref="E84:F84"/>
    <mergeCell ref="E77:F77"/>
    <mergeCell ref="E78:F78"/>
    <mergeCell ref="E79:F79"/>
    <mergeCell ref="E80:F80"/>
    <mergeCell ref="E81:F81"/>
    <mergeCell ref="E58:F58"/>
    <mergeCell ref="E59:F59"/>
    <mergeCell ref="E60:F60"/>
    <mergeCell ref="E61:F61"/>
    <mergeCell ref="E62:F62"/>
    <mergeCell ref="E63:F63"/>
    <mergeCell ref="E64:F64"/>
    <mergeCell ref="E65:F65"/>
    <mergeCell ref="E66:F66"/>
    <mergeCell ref="C205:F205"/>
    <mergeCell ref="E91:F91"/>
    <mergeCell ref="E92:F92"/>
    <mergeCell ref="E93:F93"/>
    <mergeCell ref="E85:F85"/>
    <mergeCell ref="E86:F86"/>
    <mergeCell ref="E129:F129"/>
    <mergeCell ref="B13:D13"/>
    <mergeCell ref="E43:F43"/>
    <mergeCell ref="E44:F44"/>
    <mergeCell ref="E45:F45"/>
    <mergeCell ref="E46:F46"/>
    <mergeCell ref="E47:F47"/>
    <mergeCell ref="E48:F48"/>
    <mergeCell ref="E49:F49"/>
    <mergeCell ref="E50:F50"/>
    <mergeCell ref="B14:C14"/>
    <mergeCell ref="C30:D30"/>
    <mergeCell ref="B15:D15"/>
    <mergeCell ref="B21:F21"/>
    <mergeCell ref="B22:D22"/>
    <mergeCell ref="B24:F24"/>
    <mergeCell ref="C29:D29"/>
    <mergeCell ref="E198:F198"/>
    <mergeCell ref="E199:F199"/>
    <mergeCell ref="E200:F200"/>
    <mergeCell ref="E201:F201"/>
    <mergeCell ref="E108:F108"/>
    <mergeCell ref="E109:F109"/>
    <mergeCell ref="E110:F110"/>
    <mergeCell ref="E111:F111"/>
    <mergeCell ref="E112:F112"/>
    <mergeCell ref="E113:F113"/>
    <mergeCell ref="E133:F133"/>
    <mergeCell ref="E134:F134"/>
    <mergeCell ref="E135:F135"/>
    <mergeCell ref="E148:F148"/>
    <mergeCell ref="E149:F149"/>
    <mergeCell ref="E197:F197"/>
    <mergeCell ref="E126:F126"/>
    <mergeCell ref="E127:F127"/>
    <mergeCell ref="E130:F130"/>
    <mergeCell ref="E131:F131"/>
    <mergeCell ref="E132:F132"/>
    <mergeCell ref="E136:F136"/>
    <mergeCell ref="E196:F196"/>
    <mergeCell ref="E159:F159"/>
    <mergeCell ref="E140:F140"/>
    <mergeCell ref="B102:F102"/>
    <mergeCell ref="E103:F103"/>
    <mergeCell ref="E104:F104"/>
    <mergeCell ref="E105:F105"/>
    <mergeCell ref="E106:F106"/>
    <mergeCell ref="E107:F107"/>
    <mergeCell ref="C31:D31"/>
    <mergeCell ref="B37:F37"/>
    <mergeCell ref="B39:C40"/>
    <mergeCell ref="D39:F39"/>
    <mergeCell ref="E40:F40"/>
    <mergeCell ref="B33:C33"/>
    <mergeCell ref="E51:F51"/>
    <mergeCell ref="E52:F52"/>
    <mergeCell ref="E53:F53"/>
    <mergeCell ref="E54:F54"/>
    <mergeCell ref="E87:F87"/>
    <mergeCell ref="E88:F88"/>
    <mergeCell ref="E89:F89"/>
    <mergeCell ref="E90:F90"/>
    <mergeCell ref="E55:F55"/>
    <mergeCell ref="E56:F56"/>
    <mergeCell ref="E57:F57"/>
    <mergeCell ref="E76:F76"/>
    <mergeCell ref="A221:B221"/>
    <mergeCell ref="B191:F191"/>
    <mergeCell ref="B193:C194"/>
    <mergeCell ref="D193:F193"/>
    <mergeCell ref="E194:F194"/>
    <mergeCell ref="E94:F94"/>
    <mergeCell ref="E95:F95"/>
    <mergeCell ref="E96:F96"/>
    <mergeCell ref="E97:F97"/>
    <mergeCell ref="E98:F98"/>
    <mergeCell ref="E99:F99"/>
    <mergeCell ref="E100:F100"/>
    <mergeCell ref="E101:F101"/>
    <mergeCell ref="E216:F216"/>
    <mergeCell ref="E218:F218"/>
    <mergeCell ref="E219:F219"/>
    <mergeCell ref="B213:F213"/>
    <mergeCell ref="B203:F203"/>
    <mergeCell ref="C204:F204"/>
    <mergeCell ref="B206:E206"/>
    <mergeCell ref="B212:F212"/>
    <mergeCell ref="C207:D207"/>
    <mergeCell ref="C208:D208"/>
    <mergeCell ref="C209:D209"/>
    <mergeCell ref="B2:F2"/>
    <mergeCell ref="B1:F1"/>
    <mergeCell ref="B25:C25"/>
    <mergeCell ref="B28:C28"/>
    <mergeCell ref="E195:F195"/>
    <mergeCell ref="E122:F122"/>
    <mergeCell ref="E123:F123"/>
    <mergeCell ref="E124:F124"/>
    <mergeCell ref="B115:F115"/>
    <mergeCell ref="B117:C118"/>
    <mergeCell ref="D117:F117"/>
    <mergeCell ref="E118:F118"/>
    <mergeCell ref="B23:F23"/>
    <mergeCell ref="B18:D18"/>
    <mergeCell ref="B19:D19"/>
    <mergeCell ref="B20:F20"/>
    <mergeCell ref="B3:F3"/>
    <mergeCell ref="B7:F7"/>
    <mergeCell ref="B8:F8"/>
    <mergeCell ref="B9:F9"/>
    <mergeCell ref="B11:F11"/>
    <mergeCell ref="B12:D12"/>
    <mergeCell ref="E120:F120"/>
    <mergeCell ref="E73:F73"/>
    <mergeCell ref="C210:D210"/>
    <mergeCell ref="B41:F41"/>
    <mergeCell ref="E42:F42"/>
    <mergeCell ref="E74:F74"/>
    <mergeCell ref="E75:F75"/>
    <mergeCell ref="E128:F128"/>
    <mergeCell ref="E158:F158"/>
    <mergeCell ref="E151:F151"/>
    <mergeCell ref="E152:F152"/>
    <mergeCell ref="E153:F153"/>
    <mergeCell ref="E154:F154"/>
    <mergeCell ref="B119:F119"/>
    <mergeCell ref="E150:F150"/>
    <mergeCell ref="E155:F155"/>
    <mergeCell ref="E156:F156"/>
    <mergeCell ref="E157:F157"/>
    <mergeCell ref="E121:F121"/>
    <mergeCell ref="E125:F125"/>
    <mergeCell ref="E165:F165"/>
    <mergeCell ref="E160:F160"/>
    <mergeCell ref="E163:F163"/>
    <mergeCell ref="E137:F137"/>
    <mergeCell ref="E138:F138"/>
    <mergeCell ref="E139:F139"/>
    <mergeCell ref="E164:F164"/>
    <mergeCell ref="E166:F166"/>
    <mergeCell ref="E167:F167"/>
    <mergeCell ref="E168:F168"/>
    <mergeCell ref="E141:F141"/>
    <mergeCell ref="E142:F142"/>
    <mergeCell ref="E143:F143"/>
    <mergeCell ref="E144:F144"/>
    <mergeCell ref="E145:F145"/>
    <mergeCell ref="E146:F146"/>
    <mergeCell ref="E147:F147"/>
    <mergeCell ref="E161:F161"/>
    <mergeCell ref="E162:F162"/>
    <mergeCell ref="E169:F169"/>
    <mergeCell ref="E170:F170"/>
    <mergeCell ref="E171:F171"/>
    <mergeCell ref="E172:F172"/>
    <mergeCell ref="E173:F173"/>
    <mergeCell ref="E174:F174"/>
    <mergeCell ref="E175:F175"/>
    <mergeCell ref="E176:F176"/>
    <mergeCell ref="E177:F177"/>
    <mergeCell ref="E178:F178"/>
    <mergeCell ref="E188:F188"/>
    <mergeCell ref="E189:F189"/>
    <mergeCell ref="E179:F179"/>
    <mergeCell ref="E180:F180"/>
    <mergeCell ref="E181:F181"/>
    <mergeCell ref="E182:F182"/>
    <mergeCell ref="E183:F183"/>
    <mergeCell ref="E184:F184"/>
    <mergeCell ref="E185:F185"/>
    <mergeCell ref="E186:F186"/>
    <mergeCell ref="E187:F187"/>
  </mergeCells>
  <conditionalFormatting sqref="D132:D135 D120:D124 D160:D189">
    <cfRule type="containsBlanks" dxfId="80" priority="155">
      <formula>LEN(TRIM(D120))=0</formula>
    </cfRule>
  </conditionalFormatting>
  <conditionalFormatting sqref="E218:F218">
    <cfRule type="containsBlanks" dxfId="79" priority="154">
      <formula>LEN(TRIM(E218))=0</formula>
    </cfRule>
  </conditionalFormatting>
  <conditionalFormatting sqref="C216">
    <cfRule type="containsBlanks" dxfId="78" priority="152">
      <formula>LEN(TRIM(C216))=0</formula>
    </cfRule>
  </conditionalFormatting>
  <conditionalFormatting sqref="E219:F219">
    <cfRule type="containsBlanks" dxfId="77" priority="153">
      <formula>LEN(TRIM(E219))=0</formula>
    </cfRule>
  </conditionalFormatting>
  <conditionalFormatting sqref="C218">
    <cfRule type="containsBlanks" dxfId="76" priority="151">
      <formula>LEN(TRIM(C218))=0</formula>
    </cfRule>
  </conditionalFormatting>
  <conditionalFormatting sqref="C4:C5">
    <cfRule type="containsBlanks" dxfId="75" priority="150">
      <formula>LEN(TRIM(C4))=0</formula>
    </cfRule>
  </conditionalFormatting>
  <conditionalFormatting sqref="D42">
    <cfRule type="containsBlanks" dxfId="74" priority="149">
      <formula>LEN(TRIM(D42))=0</formula>
    </cfRule>
  </conditionalFormatting>
  <conditionalFormatting sqref="D195">
    <cfRule type="containsBlanks" dxfId="73" priority="144">
      <formula>LEN(TRIM(D195))=0</formula>
    </cfRule>
  </conditionalFormatting>
  <conditionalFormatting sqref="C209:D209">
    <cfRule type="containsBlanks" dxfId="72" priority="140">
      <formula>LEN(TRIM(C209))=0</formula>
    </cfRule>
  </conditionalFormatting>
  <conditionalFormatting sqref="D73:D74">
    <cfRule type="containsBlanks" dxfId="71" priority="122">
      <formula>LEN(TRIM(D73))=0</formula>
    </cfRule>
  </conditionalFormatting>
  <conditionalFormatting sqref="C208:D208">
    <cfRule type="containsBlanks" dxfId="70" priority="91">
      <formula>LEN(TRIM(C208))=0</formula>
    </cfRule>
  </conditionalFormatting>
  <conditionalFormatting sqref="C207:D207">
    <cfRule type="containsBlanks" dxfId="69" priority="90">
      <formula>LEN(TRIM(C207))=0</formula>
    </cfRule>
  </conditionalFormatting>
  <conditionalFormatting sqref="C210:D210">
    <cfRule type="containsBlanks" dxfId="68" priority="89">
      <formula>LEN(TRIM(C210))=0</formula>
    </cfRule>
  </conditionalFormatting>
  <conditionalFormatting sqref="D131">
    <cfRule type="containsBlanks" dxfId="67" priority="81">
      <formula>LEN(TRIM(D131))=0</formula>
    </cfRule>
  </conditionalFormatting>
  <conditionalFormatting sqref="D75">
    <cfRule type="containsBlanks" dxfId="66" priority="77">
      <formula>LEN(TRIM(D75))=0</formula>
    </cfRule>
  </conditionalFormatting>
  <conditionalFormatting sqref="D125:D130">
    <cfRule type="containsBlanks" dxfId="65" priority="69">
      <formula>LEN(TRIM(D125))=0</formula>
    </cfRule>
  </conditionalFormatting>
  <conditionalFormatting sqref="D136 D150:D153">
    <cfRule type="containsBlanks" dxfId="64" priority="68">
      <formula>LEN(TRIM(D136))=0</formula>
    </cfRule>
  </conditionalFormatting>
  <conditionalFormatting sqref="D159">
    <cfRule type="containsBlanks" dxfId="63" priority="67">
      <formula>LEN(TRIM(D159))=0</formula>
    </cfRule>
  </conditionalFormatting>
  <conditionalFormatting sqref="D154:D158">
    <cfRule type="containsBlanks" dxfId="62" priority="66">
      <formula>LEN(TRIM(D154))=0</formula>
    </cfRule>
  </conditionalFormatting>
  <conditionalFormatting sqref="D196">
    <cfRule type="containsBlanks" dxfId="61" priority="65">
      <formula>LEN(TRIM(D196))=0</formula>
    </cfRule>
  </conditionalFormatting>
  <conditionalFormatting sqref="D197">
    <cfRule type="containsBlanks" dxfId="60" priority="64">
      <formula>LEN(TRIM(D197))=0</formula>
    </cfRule>
  </conditionalFormatting>
  <conditionalFormatting sqref="D94">
    <cfRule type="containsBlanks" dxfId="59" priority="63">
      <formula>LEN(TRIM(D94))=0</formula>
    </cfRule>
  </conditionalFormatting>
  <conditionalFormatting sqref="D95:D96">
    <cfRule type="containsBlanks" dxfId="58" priority="62">
      <formula>LEN(TRIM(D95))=0</formula>
    </cfRule>
  </conditionalFormatting>
  <conditionalFormatting sqref="D97">
    <cfRule type="containsBlanks" dxfId="57" priority="61">
      <formula>LEN(TRIM(D97))=0</formula>
    </cfRule>
  </conditionalFormatting>
  <conditionalFormatting sqref="D98">
    <cfRule type="containsBlanks" dxfId="56" priority="60">
      <formula>LEN(TRIM(D98))=0</formula>
    </cfRule>
  </conditionalFormatting>
  <conditionalFormatting sqref="D99:D100">
    <cfRule type="containsBlanks" dxfId="55" priority="59">
      <formula>LEN(TRIM(D99))=0</formula>
    </cfRule>
  </conditionalFormatting>
  <conditionalFormatting sqref="D101">
    <cfRule type="containsBlanks" dxfId="54" priority="58">
      <formula>LEN(TRIM(D101))=0</formula>
    </cfRule>
  </conditionalFormatting>
  <conditionalFormatting sqref="D145:D148 D137:D138">
    <cfRule type="containsBlanks" dxfId="53" priority="54">
      <formula>LEN(TRIM(D137))=0</formula>
    </cfRule>
  </conditionalFormatting>
  <conditionalFormatting sqref="D144">
    <cfRule type="containsBlanks" dxfId="52" priority="53">
      <formula>LEN(TRIM(D144))=0</formula>
    </cfRule>
  </conditionalFormatting>
  <conditionalFormatting sqref="D139:D143">
    <cfRule type="containsBlanks" dxfId="51" priority="52">
      <formula>LEN(TRIM(D139))=0</formula>
    </cfRule>
  </conditionalFormatting>
  <conditionalFormatting sqref="D149">
    <cfRule type="containsBlanks" dxfId="50" priority="51">
      <formula>LEN(TRIM(D149))=0</formula>
    </cfRule>
  </conditionalFormatting>
  <conditionalFormatting sqref="D103">
    <cfRule type="containsBlanks" dxfId="49" priority="50">
      <formula>LEN(TRIM(D103))=0</formula>
    </cfRule>
  </conditionalFormatting>
  <conditionalFormatting sqref="D104">
    <cfRule type="containsBlanks" dxfId="48" priority="49">
      <formula>LEN(TRIM(D104))=0</formula>
    </cfRule>
  </conditionalFormatting>
  <conditionalFormatting sqref="D105">
    <cfRule type="containsBlanks" dxfId="47" priority="48">
      <formula>LEN(TRIM(D105))=0</formula>
    </cfRule>
  </conditionalFormatting>
  <conditionalFormatting sqref="D106">
    <cfRule type="containsBlanks" dxfId="46" priority="47">
      <formula>LEN(TRIM(D106))=0</formula>
    </cfRule>
  </conditionalFormatting>
  <conditionalFormatting sqref="D107">
    <cfRule type="containsBlanks" dxfId="45" priority="46">
      <formula>LEN(TRIM(D107))=0</formula>
    </cfRule>
  </conditionalFormatting>
  <conditionalFormatting sqref="D108">
    <cfRule type="containsBlanks" dxfId="44" priority="45">
      <formula>LEN(TRIM(D108))=0</formula>
    </cfRule>
  </conditionalFormatting>
  <conditionalFormatting sqref="D109">
    <cfRule type="containsBlanks" dxfId="43" priority="44">
      <formula>LEN(TRIM(D109))=0</formula>
    </cfRule>
  </conditionalFormatting>
  <conditionalFormatting sqref="D110">
    <cfRule type="containsBlanks" dxfId="42" priority="43">
      <formula>LEN(TRIM(D110))=0</formula>
    </cfRule>
  </conditionalFormatting>
  <conditionalFormatting sqref="D111">
    <cfRule type="containsBlanks" dxfId="41" priority="42">
      <formula>LEN(TRIM(D111))=0</formula>
    </cfRule>
  </conditionalFormatting>
  <conditionalFormatting sqref="D112">
    <cfRule type="containsBlanks" dxfId="40" priority="41">
      <formula>LEN(TRIM(D112))=0</formula>
    </cfRule>
  </conditionalFormatting>
  <conditionalFormatting sqref="D113">
    <cfRule type="containsBlanks" dxfId="39" priority="40">
      <formula>LEN(TRIM(D113))=0</formula>
    </cfRule>
  </conditionalFormatting>
  <conditionalFormatting sqref="D198">
    <cfRule type="containsBlanks" dxfId="38" priority="39">
      <formula>LEN(TRIM(D198))=0</formula>
    </cfRule>
  </conditionalFormatting>
  <conditionalFormatting sqref="D201">
    <cfRule type="containsBlanks" dxfId="37" priority="38">
      <formula>LEN(TRIM(D201))=0</formula>
    </cfRule>
  </conditionalFormatting>
  <conditionalFormatting sqref="D199">
    <cfRule type="containsBlanks" dxfId="36" priority="37">
      <formula>LEN(TRIM(D199))=0</formula>
    </cfRule>
  </conditionalFormatting>
  <conditionalFormatting sqref="D200">
    <cfRule type="containsBlanks" dxfId="35" priority="36">
      <formula>LEN(TRIM(D200))=0</formula>
    </cfRule>
  </conditionalFormatting>
  <conditionalFormatting sqref="D43:D44">
    <cfRule type="containsBlanks" dxfId="34" priority="35">
      <formula>LEN(TRIM(D43))=0</formula>
    </cfRule>
  </conditionalFormatting>
  <conditionalFormatting sqref="D45">
    <cfRule type="containsBlanks" dxfId="33" priority="34">
      <formula>LEN(TRIM(D45))=0</formula>
    </cfRule>
  </conditionalFormatting>
  <conditionalFormatting sqref="D46">
    <cfRule type="containsBlanks" dxfId="32" priority="33">
      <formula>LEN(TRIM(D46))=0</formula>
    </cfRule>
  </conditionalFormatting>
  <conditionalFormatting sqref="D47:D48">
    <cfRule type="containsBlanks" dxfId="31" priority="32">
      <formula>LEN(TRIM(D47))=0</formula>
    </cfRule>
  </conditionalFormatting>
  <conditionalFormatting sqref="D49">
    <cfRule type="containsBlanks" dxfId="30" priority="31">
      <formula>LEN(TRIM(D49))=0</formula>
    </cfRule>
  </conditionalFormatting>
  <conditionalFormatting sqref="D50">
    <cfRule type="containsBlanks" dxfId="29" priority="30">
      <formula>LEN(TRIM(D50))=0</formula>
    </cfRule>
  </conditionalFormatting>
  <conditionalFormatting sqref="D51:D52">
    <cfRule type="containsBlanks" dxfId="28" priority="29">
      <formula>LEN(TRIM(D51))=0</formula>
    </cfRule>
  </conditionalFormatting>
  <conditionalFormatting sqref="D53">
    <cfRule type="containsBlanks" dxfId="27" priority="28">
      <formula>LEN(TRIM(D53))=0</formula>
    </cfRule>
  </conditionalFormatting>
  <conditionalFormatting sqref="D54">
    <cfRule type="containsBlanks" dxfId="26" priority="27">
      <formula>LEN(TRIM(D54))=0</formula>
    </cfRule>
  </conditionalFormatting>
  <conditionalFormatting sqref="D55:D56">
    <cfRule type="containsBlanks" dxfId="25" priority="26">
      <formula>LEN(TRIM(D55))=0</formula>
    </cfRule>
  </conditionalFormatting>
  <conditionalFormatting sqref="D57">
    <cfRule type="containsBlanks" dxfId="24" priority="25">
      <formula>LEN(TRIM(D57))=0</formula>
    </cfRule>
  </conditionalFormatting>
  <conditionalFormatting sqref="D91:D92">
    <cfRule type="containsBlanks" dxfId="23" priority="24">
      <formula>LEN(TRIM(D91))=0</formula>
    </cfRule>
  </conditionalFormatting>
  <conditionalFormatting sqref="D93">
    <cfRule type="containsBlanks" dxfId="22" priority="23">
      <formula>LEN(TRIM(D93))=0</formula>
    </cfRule>
  </conditionalFormatting>
  <conditionalFormatting sqref="D76:D77">
    <cfRule type="containsBlanks" dxfId="21" priority="22">
      <formula>LEN(TRIM(D76))=0</formula>
    </cfRule>
  </conditionalFormatting>
  <conditionalFormatting sqref="D78">
    <cfRule type="containsBlanks" dxfId="20" priority="21">
      <formula>LEN(TRIM(D78))=0</formula>
    </cfRule>
  </conditionalFormatting>
  <conditionalFormatting sqref="D79">
    <cfRule type="containsBlanks" dxfId="19" priority="20">
      <formula>LEN(TRIM(D79))=0</formula>
    </cfRule>
  </conditionalFormatting>
  <conditionalFormatting sqref="D80:D81">
    <cfRule type="containsBlanks" dxfId="18" priority="19">
      <formula>LEN(TRIM(D80))=0</formula>
    </cfRule>
  </conditionalFormatting>
  <conditionalFormatting sqref="D82">
    <cfRule type="containsBlanks" dxfId="17" priority="18">
      <formula>LEN(TRIM(D82))=0</formula>
    </cfRule>
  </conditionalFormatting>
  <conditionalFormatting sqref="D83">
    <cfRule type="containsBlanks" dxfId="16" priority="17">
      <formula>LEN(TRIM(D83))=0</formula>
    </cfRule>
  </conditionalFormatting>
  <conditionalFormatting sqref="D84:D85">
    <cfRule type="containsBlanks" dxfId="15" priority="16">
      <formula>LEN(TRIM(D84))=0</formula>
    </cfRule>
  </conditionalFormatting>
  <conditionalFormatting sqref="D86">
    <cfRule type="containsBlanks" dxfId="14" priority="15">
      <formula>LEN(TRIM(D86))=0</formula>
    </cfRule>
  </conditionalFormatting>
  <conditionalFormatting sqref="D87">
    <cfRule type="containsBlanks" dxfId="13" priority="14">
      <formula>LEN(TRIM(D87))=0</formula>
    </cfRule>
  </conditionalFormatting>
  <conditionalFormatting sqref="D88:D89">
    <cfRule type="containsBlanks" dxfId="12" priority="13">
      <formula>LEN(TRIM(D88))=0</formula>
    </cfRule>
  </conditionalFormatting>
  <conditionalFormatting sqref="D90">
    <cfRule type="containsBlanks" dxfId="11" priority="12">
      <formula>LEN(TRIM(D90))=0</formula>
    </cfRule>
  </conditionalFormatting>
  <conditionalFormatting sqref="D58:D59">
    <cfRule type="containsBlanks" dxfId="10" priority="11">
      <formula>LEN(TRIM(D58))=0</formula>
    </cfRule>
  </conditionalFormatting>
  <conditionalFormatting sqref="D60">
    <cfRule type="containsBlanks" dxfId="9" priority="10">
      <formula>LEN(TRIM(D60))=0</formula>
    </cfRule>
  </conditionalFormatting>
  <conditionalFormatting sqref="D61">
    <cfRule type="containsBlanks" dxfId="8" priority="9">
      <formula>LEN(TRIM(D61))=0</formula>
    </cfRule>
  </conditionalFormatting>
  <conditionalFormatting sqref="D62:D63">
    <cfRule type="containsBlanks" dxfId="7" priority="8">
      <formula>LEN(TRIM(D62))=0</formula>
    </cfRule>
  </conditionalFormatting>
  <conditionalFormatting sqref="D64">
    <cfRule type="containsBlanks" dxfId="6" priority="7">
      <formula>LEN(TRIM(D64))=0</formula>
    </cfRule>
  </conditionalFormatting>
  <conditionalFormatting sqref="D65">
    <cfRule type="containsBlanks" dxfId="5" priority="6">
      <formula>LEN(TRIM(D65))=0</formula>
    </cfRule>
  </conditionalFormatting>
  <conditionalFormatting sqref="D66:D67">
    <cfRule type="containsBlanks" dxfId="4" priority="5">
      <formula>LEN(TRIM(D66))=0</formula>
    </cfRule>
  </conditionalFormatting>
  <conditionalFormatting sqref="D68">
    <cfRule type="containsBlanks" dxfId="3" priority="4">
      <formula>LEN(TRIM(D68))=0</formula>
    </cfRule>
  </conditionalFormatting>
  <conditionalFormatting sqref="D69">
    <cfRule type="containsBlanks" dxfId="2" priority="3">
      <formula>LEN(TRIM(D69))=0</formula>
    </cfRule>
  </conditionalFormatting>
  <conditionalFormatting sqref="D70:D71">
    <cfRule type="containsBlanks" dxfId="1" priority="2">
      <formula>LEN(TRIM(D70))=0</formula>
    </cfRule>
  </conditionalFormatting>
  <conditionalFormatting sqref="D72">
    <cfRule type="containsBlanks" dxfId="0" priority="1">
      <formula>LEN(TRIM(D72))=0</formula>
    </cfRule>
  </conditionalFormatting>
  <printOptions horizontalCentered="1"/>
  <pageMargins left="0.70866141732283472" right="0.70866141732283472" top="0.9055118110236221" bottom="0.74803149606299213" header="0.31496062992125984" footer="0.31496062992125984"/>
  <pageSetup paperSize="9" scale="53"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1" manualBreakCount="1">
    <brk id="157"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06T11:41:56Z</cp:lastPrinted>
  <dcterms:created xsi:type="dcterms:W3CDTF">2017-04-21T05:51:15Z</dcterms:created>
  <dcterms:modified xsi:type="dcterms:W3CDTF">2023-07-28T11:12:59Z</dcterms:modified>
</cp:coreProperties>
</file>